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948AF" w:rsidRDefault="004948AF" w:rsidP="00167188">
      <w:pPr>
        <w:spacing w:before="120" w:after="0" w:line="240" w:lineRule="auto"/>
        <w:jc w:val="both"/>
        <w:rPr>
          <w:rFonts w:ascii="Verdana" w:hAnsi="Verdana"/>
          <w:sz w:val="24"/>
          <w:szCs w:val="24"/>
        </w:rPr>
      </w:pPr>
      <w:bookmarkStart w:id="0" w:name="_GoBack"/>
      <w:bookmarkEnd w:id="0"/>
      <w:r>
        <w:rPr>
          <w:rFonts w:ascii="Verdana" w:hAnsi="Verdana"/>
          <w:sz w:val="24"/>
          <w:szCs w:val="24"/>
        </w:rPr>
        <w:t>Szanowni Państwo,</w:t>
      </w:r>
    </w:p>
    <w:p w:rsidR="00167188" w:rsidRPr="00817151" w:rsidRDefault="004948AF" w:rsidP="00167188">
      <w:pPr>
        <w:spacing w:before="120" w:after="0" w:line="240" w:lineRule="auto"/>
        <w:jc w:val="both"/>
        <w:rPr>
          <w:rFonts w:ascii="Verdana" w:hAnsi="Verdana"/>
          <w:sz w:val="24"/>
          <w:szCs w:val="24"/>
        </w:rPr>
      </w:pPr>
      <w:r>
        <w:rPr>
          <w:rFonts w:ascii="Verdana" w:hAnsi="Verdana"/>
          <w:sz w:val="24"/>
          <w:szCs w:val="24"/>
        </w:rPr>
        <w:t>W imieniu Stowarzyszenia</w:t>
      </w:r>
      <w:r w:rsidR="00167188" w:rsidRPr="002A6F4D">
        <w:rPr>
          <w:rFonts w:ascii="Verdana" w:hAnsi="Verdana"/>
          <w:sz w:val="24"/>
          <w:szCs w:val="24"/>
        </w:rPr>
        <w:t xml:space="preserve"> Grupa Robocza na Rzecz Innowacji w Ochronie Zdrowia </w:t>
      </w:r>
      <w:r w:rsidR="00167188" w:rsidRPr="00817151">
        <w:rPr>
          <w:rFonts w:ascii="Verdana" w:hAnsi="Verdana"/>
          <w:sz w:val="24"/>
          <w:szCs w:val="24"/>
        </w:rPr>
        <w:t>zaprasza</w:t>
      </w:r>
      <w:r>
        <w:rPr>
          <w:rFonts w:ascii="Verdana" w:hAnsi="Verdana"/>
          <w:sz w:val="24"/>
          <w:szCs w:val="24"/>
        </w:rPr>
        <w:t>m</w:t>
      </w:r>
      <w:r w:rsidR="00167188" w:rsidRPr="00817151">
        <w:rPr>
          <w:rFonts w:ascii="Verdana" w:hAnsi="Verdana"/>
          <w:sz w:val="24"/>
          <w:szCs w:val="24"/>
        </w:rPr>
        <w:t xml:space="preserve"> </w:t>
      </w:r>
      <w:r>
        <w:rPr>
          <w:rFonts w:ascii="Verdana" w:hAnsi="Verdana"/>
          <w:sz w:val="24"/>
          <w:szCs w:val="24"/>
        </w:rPr>
        <w:t>Państwa</w:t>
      </w:r>
      <w:r w:rsidR="00167188" w:rsidRPr="00817151">
        <w:rPr>
          <w:rFonts w:ascii="Verdana" w:hAnsi="Verdana"/>
          <w:sz w:val="24"/>
          <w:szCs w:val="24"/>
        </w:rPr>
        <w:t xml:space="preserve"> do udziału w trzeciej już edycji konkursu „Innowacje dla zdrowia”. </w:t>
      </w:r>
    </w:p>
    <w:p w:rsidR="00167188" w:rsidRDefault="002A6F4D" w:rsidP="00167188">
      <w:pPr>
        <w:spacing w:before="120" w:after="0" w:line="240" w:lineRule="auto"/>
        <w:jc w:val="both"/>
        <w:rPr>
          <w:rFonts w:ascii="Verdana" w:hAnsi="Verdana"/>
          <w:sz w:val="24"/>
          <w:szCs w:val="24"/>
        </w:rPr>
      </w:pPr>
      <w:r>
        <w:rPr>
          <w:rFonts w:ascii="Verdana" w:hAnsi="Verdana"/>
          <w:sz w:val="24"/>
          <w:szCs w:val="24"/>
        </w:rPr>
        <w:t>Celem konkursu</w:t>
      </w:r>
      <w:r w:rsidR="00167188" w:rsidRPr="002A6F4D">
        <w:rPr>
          <w:rFonts w:ascii="Verdana" w:hAnsi="Verdana"/>
          <w:sz w:val="24"/>
          <w:szCs w:val="24"/>
        </w:rPr>
        <w:t xml:space="preserve"> jest promowanie innowacyjności w ochronie zdrowia </w:t>
      </w:r>
      <w:r>
        <w:rPr>
          <w:rFonts w:ascii="Verdana" w:hAnsi="Verdana"/>
          <w:sz w:val="24"/>
          <w:szCs w:val="24"/>
        </w:rPr>
        <w:br/>
        <w:t>w Polsce.</w:t>
      </w:r>
      <w:r w:rsidR="00167188" w:rsidRPr="002A6F4D">
        <w:rPr>
          <w:rFonts w:ascii="Verdana" w:hAnsi="Verdana"/>
          <w:sz w:val="24"/>
          <w:szCs w:val="24"/>
        </w:rPr>
        <w:t xml:space="preserve"> Zapraszamy autorów </w:t>
      </w:r>
      <w:r>
        <w:rPr>
          <w:rFonts w:ascii="Verdana" w:hAnsi="Verdana"/>
          <w:sz w:val="24"/>
          <w:szCs w:val="24"/>
        </w:rPr>
        <w:t xml:space="preserve">innowacyjnych koncepcji, działań </w:t>
      </w:r>
      <w:r w:rsidR="00215271">
        <w:rPr>
          <w:rFonts w:ascii="Verdana" w:hAnsi="Verdana"/>
          <w:sz w:val="24"/>
          <w:szCs w:val="24"/>
        </w:rPr>
        <w:br/>
      </w:r>
      <w:r>
        <w:rPr>
          <w:rFonts w:ascii="Verdana" w:hAnsi="Verdana"/>
          <w:sz w:val="24"/>
          <w:szCs w:val="24"/>
        </w:rPr>
        <w:t>i produktów, a także</w:t>
      </w:r>
      <w:r w:rsidR="00167188" w:rsidRPr="002A6F4D">
        <w:rPr>
          <w:rFonts w:ascii="Verdana" w:hAnsi="Verdana"/>
          <w:sz w:val="24"/>
          <w:szCs w:val="24"/>
        </w:rPr>
        <w:t xml:space="preserve"> </w:t>
      </w:r>
      <w:r>
        <w:rPr>
          <w:rFonts w:ascii="Verdana" w:hAnsi="Verdana"/>
          <w:sz w:val="24"/>
          <w:szCs w:val="24"/>
        </w:rPr>
        <w:t>instytucje implementujące nowoczesne technol</w:t>
      </w:r>
      <w:r w:rsidR="00215271">
        <w:rPr>
          <w:rFonts w:ascii="Verdana" w:hAnsi="Verdana"/>
          <w:sz w:val="24"/>
          <w:szCs w:val="24"/>
        </w:rPr>
        <w:t>o</w:t>
      </w:r>
      <w:r>
        <w:rPr>
          <w:rFonts w:ascii="Verdana" w:hAnsi="Verdana"/>
          <w:sz w:val="24"/>
          <w:szCs w:val="24"/>
        </w:rPr>
        <w:t>gie medyczne na polskim rynku do</w:t>
      </w:r>
      <w:r w:rsidR="00167188" w:rsidRPr="002A6F4D">
        <w:rPr>
          <w:rFonts w:ascii="Verdana" w:hAnsi="Verdana"/>
          <w:sz w:val="24"/>
          <w:szCs w:val="24"/>
        </w:rPr>
        <w:t xml:space="preserve"> przesyłania zgłoszeń w następujących kategoriach:</w:t>
      </w:r>
    </w:p>
    <w:p w:rsidR="002A6F4D" w:rsidRPr="002A6F4D" w:rsidRDefault="002A6F4D" w:rsidP="00167188">
      <w:pPr>
        <w:spacing w:before="120" w:after="0" w:line="240" w:lineRule="auto"/>
        <w:jc w:val="both"/>
        <w:rPr>
          <w:rFonts w:ascii="Verdana" w:hAnsi="Verdana"/>
          <w:sz w:val="24"/>
          <w:szCs w:val="24"/>
        </w:rPr>
      </w:pPr>
    </w:p>
    <w:p w:rsidR="00167188" w:rsidRPr="002A6F4D" w:rsidRDefault="00167188" w:rsidP="00167188">
      <w:pPr>
        <w:numPr>
          <w:ilvl w:val="0"/>
          <w:numId w:val="1"/>
        </w:numPr>
        <w:spacing w:after="0" w:line="240" w:lineRule="auto"/>
        <w:rPr>
          <w:rFonts w:ascii="Verdana" w:hAnsi="Verdana"/>
          <w:sz w:val="24"/>
          <w:szCs w:val="24"/>
        </w:rPr>
      </w:pPr>
      <w:r w:rsidRPr="002A6F4D">
        <w:rPr>
          <w:rFonts w:ascii="Verdana" w:hAnsi="Verdana"/>
          <w:sz w:val="24"/>
          <w:szCs w:val="24"/>
        </w:rPr>
        <w:t>Edukacja i aktywizacja pacjentów;</w:t>
      </w:r>
    </w:p>
    <w:p w:rsidR="00167188" w:rsidRPr="002A6F4D" w:rsidRDefault="00167188" w:rsidP="00167188">
      <w:pPr>
        <w:numPr>
          <w:ilvl w:val="0"/>
          <w:numId w:val="1"/>
        </w:numPr>
        <w:spacing w:after="0" w:line="240" w:lineRule="auto"/>
        <w:rPr>
          <w:rFonts w:ascii="Verdana" w:hAnsi="Verdana"/>
          <w:sz w:val="24"/>
          <w:szCs w:val="24"/>
        </w:rPr>
      </w:pPr>
      <w:r w:rsidRPr="002A6F4D">
        <w:rPr>
          <w:rFonts w:ascii="Verdana" w:hAnsi="Verdana"/>
          <w:sz w:val="24"/>
          <w:szCs w:val="24"/>
        </w:rPr>
        <w:t>Profilaktyka;</w:t>
      </w:r>
    </w:p>
    <w:p w:rsidR="00167188" w:rsidRPr="002A6F4D" w:rsidRDefault="00167188" w:rsidP="00167188">
      <w:pPr>
        <w:numPr>
          <w:ilvl w:val="0"/>
          <w:numId w:val="1"/>
        </w:numPr>
        <w:spacing w:after="0" w:line="240" w:lineRule="auto"/>
        <w:ind w:left="714" w:hanging="357"/>
        <w:rPr>
          <w:rFonts w:ascii="Verdana" w:hAnsi="Verdana"/>
          <w:sz w:val="24"/>
          <w:szCs w:val="24"/>
        </w:rPr>
      </w:pPr>
      <w:r w:rsidRPr="002A6F4D">
        <w:rPr>
          <w:rFonts w:ascii="Verdana" w:hAnsi="Verdana"/>
          <w:sz w:val="24"/>
          <w:szCs w:val="24"/>
        </w:rPr>
        <w:t>Zarządzanie placówkami opieki zdrowotnej;</w:t>
      </w:r>
    </w:p>
    <w:p w:rsidR="00167188" w:rsidRPr="002A6F4D" w:rsidRDefault="00167188" w:rsidP="00167188">
      <w:pPr>
        <w:numPr>
          <w:ilvl w:val="0"/>
          <w:numId w:val="1"/>
        </w:numPr>
        <w:spacing w:after="0" w:line="240" w:lineRule="auto"/>
        <w:ind w:left="714" w:hanging="357"/>
        <w:rPr>
          <w:rFonts w:ascii="Verdana" w:hAnsi="Verdana"/>
          <w:sz w:val="24"/>
          <w:szCs w:val="24"/>
        </w:rPr>
      </w:pPr>
      <w:r w:rsidRPr="002A6F4D">
        <w:rPr>
          <w:rFonts w:ascii="Verdana" w:hAnsi="Verdana"/>
          <w:sz w:val="24"/>
          <w:szCs w:val="24"/>
        </w:rPr>
        <w:t>Innowacyjne leki;</w:t>
      </w:r>
    </w:p>
    <w:p w:rsidR="00167188" w:rsidRPr="002A6F4D" w:rsidRDefault="00167188" w:rsidP="00167188">
      <w:pPr>
        <w:numPr>
          <w:ilvl w:val="0"/>
          <w:numId w:val="1"/>
        </w:numPr>
        <w:spacing w:after="0" w:line="240" w:lineRule="auto"/>
        <w:ind w:left="714" w:hanging="357"/>
        <w:rPr>
          <w:rFonts w:ascii="Verdana" w:hAnsi="Verdana"/>
          <w:sz w:val="24"/>
          <w:szCs w:val="24"/>
        </w:rPr>
      </w:pPr>
      <w:r w:rsidRPr="002A6F4D">
        <w:rPr>
          <w:rFonts w:ascii="Verdana" w:hAnsi="Verdana"/>
          <w:sz w:val="24"/>
          <w:szCs w:val="24"/>
        </w:rPr>
        <w:t>Innowacyjne technologie medyczne;</w:t>
      </w:r>
    </w:p>
    <w:p w:rsidR="00167188" w:rsidRPr="002A6F4D" w:rsidRDefault="00167188" w:rsidP="00167188">
      <w:pPr>
        <w:numPr>
          <w:ilvl w:val="0"/>
          <w:numId w:val="1"/>
        </w:numPr>
        <w:spacing w:after="0" w:line="240" w:lineRule="auto"/>
        <w:ind w:left="714" w:hanging="357"/>
        <w:rPr>
          <w:rFonts w:ascii="Verdana" w:hAnsi="Verdana"/>
          <w:sz w:val="24"/>
          <w:szCs w:val="24"/>
        </w:rPr>
      </w:pPr>
      <w:r w:rsidRPr="002A6F4D">
        <w:rPr>
          <w:rFonts w:ascii="Verdana" w:hAnsi="Verdana"/>
          <w:sz w:val="24"/>
          <w:szCs w:val="24"/>
        </w:rPr>
        <w:t>Rehabilitacja.</w:t>
      </w:r>
    </w:p>
    <w:p w:rsidR="00167188" w:rsidRPr="002A6F4D" w:rsidRDefault="002A6F4D" w:rsidP="00167188">
      <w:pPr>
        <w:pStyle w:val="akapit4"/>
        <w:jc w:val="both"/>
        <w:rPr>
          <w:rFonts w:ascii="Verdana" w:hAnsi="Verdana"/>
        </w:rPr>
      </w:pPr>
      <w:r>
        <w:rPr>
          <w:rFonts w:ascii="Verdana" w:hAnsi="Verdana"/>
        </w:rPr>
        <w:t xml:space="preserve">W konkursie mogą brać udział innowacje wprowadzone </w:t>
      </w:r>
      <w:r w:rsidR="00215271">
        <w:rPr>
          <w:rFonts w:ascii="Verdana" w:hAnsi="Verdana"/>
        </w:rPr>
        <w:t>na polski rynek między styczniem 201</w:t>
      </w:r>
      <w:r w:rsidR="00571ED7">
        <w:rPr>
          <w:rFonts w:ascii="Verdana" w:hAnsi="Verdana"/>
        </w:rPr>
        <w:t>2</w:t>
      </w:r>
      <w:r>
        <w:rPr>
          <w:rFonts w:ascii="Verdana" w:hAnsi="Verdana"/>
        </w:rPr>
        <w:t xml:space="preserve"> i </w:t>
      </w:r>
      <w:r w:rsidR="00A66C13">
        <w:rPr>
          <w:rFonts w:ascii="Verdana" w:hAnsi="Verdana"/>
        </w:rPr>
        <w:t>październikiem</w:t>
      </w:r>
      <w:r>
        <w:rPr>
          <w:rFonts w:ascii="Verdana" w:hAnsi="Verdana"/>
        </w:rPr>
        <w:t xml:space="preserve"> 2014 roku</w:t>
      </w:r>
      <w:r w:rsidR="00571ED7">
        <w:rPr>
          <w:rFonts w:ascii="Verdana" w:hAnsi="Verdana"/>
        </w:rPr>
        <w:t xml:space="preserve"> włącznie</w:t>
      </w:r>
      <w:r>
        <w:rPr>
          <w:rFonts w:ascii="Verdana" w:hAnsi="Verdana"/>
        </w:rPr>
        <w:t xml:space="preserve">. </w:t>
      </w:r>
      <w:r w:rsidR="00167188" w:rsidRPr="002A6F4D">
        <w:rPr>
          <w:rFonts w:ascii="Verdana" w:hAnsi="Verdana"/>
        </w:rPr>
        <w:t>Zgłoszenia w formie wypełnionego i podpisanego formularza należy przesyłać do 31.1</w:t>
      </w:r>
      <w:r w:rsidR="00A66C13">
        <w:rPr>
          <w:rFonts w:ascii="Verdana" w:hAnsi="Verdana"/>
        </w:rPr>
        <w:t>2</w:t>
      </w:r>
      <w:r w:rsidR="00167188" w:rsidRPr="002A6F4D">
        <w:rPr>
          <w:rFonts w:ascii="Verdana" w:hAnsi="Verdana"/>
        </w:rPr>
        <w:t>.201</w:t>
      </w:r>
      <w:r w:rsidRPr="002A6F4D">
        <w:rPr>
          <w:rFonts w:ascii="Verdana" w:hAnsi="Verdana"/>
        </w:rPr>
        <w:t>4</w:t>
      </w:r>
      <w:r w:rsidR="00167188" w:rsidRPr="002A6F4D">
        <w:rPr>
          <w:rFonts w:ascii="Verdana" w:hAnsi="Verdana"/>
        </w:rPr>
        <w:t xml:space="preserve"> roku na adres:</w:t>
      </w:r>
    </w:p>
    <w:p w:rsidR="00167188" w:rsidRPr="002A6F4D" w:rsidRDefault="00167188" w:rsidP="00167188">
      <w:pPr>
        <w:pStyle w:val="akapit4"/>
        <w:spacing w:before="0" w:beforeAutospacing="0" w:after="0" w:afterAutospacing="0"/>
        <w:rPr>
          <w:rFonts w:ascii="Verdana" w:hAnsi="Verdana"/>
        </w:rPr>
      </w:pPr>
      <w:r w:rsidRPr="002A6F4D">
        <w:rPr>
          <w:rFonts w:ascii="Verdana" w:hAnsi="Verdana"/>
        </w:rPr>
        <w:t>Konkurs Innowacje dla Zdrowia 201</w:t>
      </w:r>
      <w:r w:rsidR="002A6F4D" w:rsidRPr="002A6F4D">
        <w:rPr>
          <w:rFonts w:ascii="Verdana" w:hAnsi="Verdana"/>
        </w:rPr>
        <w:t>4</w:t>
      </w:r>
    </w:p>
    <w:p w:rsidR="00167188" w:rsidRPr="002A6F4D" w:rsidRDefault="00167188" w:rsidP="00167188">
      <w:pPr>
        <w:pStyle w:val="akapit4"/>
        <w:spacing w:before="0" w:beforeAutospacing="0" w:after="0" w:afterAutospacing="0"/>
        <w:rPr>
          <w:rFonts w:ascii="Verdana" w:hAnsi="Verdana"/>
        </w:rPr>
      </w:pPr>
      <w:r w:rsidRPr="002A6F4D">
        <w:rPr>
          <w:rFonts w:ascii="Verdana" w:hAnsi="Verdana"/>
        </w:rPr>
        <w:t>Skrytka Pocztowa 257</w:t>
      </w:r>
    </w:p>
    <w:p w:rsidR="00167188" w:rsidRPr="002A6F4D" w:rsidRDefault="00167188" w:rsidP="00167188">
      <w:pPr>
        <w:pStyle w:val="akapit4"/>
        <w:spacing w:before="0" w:beforeAutospacing="0" w:after="0" w:afterAutospacing="0"/>
        <w:rPr>
          <w:rFonts w:ascii="Verdana" w:hAnsi="Verdana"/>
        </w:rPr>
      </w:pPr>
      <w:r w:rsidRPr="002A6F4D">
        <w:rPr>
          <w:rFonts w:ascii="Verdana" w:hAnsi="Verdana"/>
        </w:rPr>
        <w:t>ul. Targowa 73</w:t>
      </w:r>
    </w:p>
    <w:p w:rsidR="00167188" w:rsidRPr="002A6F4D" w:rsidRDefault="00167188" w:rsidP="00167188">
      <w:pPr>
        <w:pStyle w:val="akapit4"/>
        <w:spacing w:before="0" w:beforeAutospacing="0" w:after="0" w:afterAutospacing="0"/>
        <w:rPr>
          <w:rFonts w:ascii="Verdana" w:hAnsi="Verdana"/>
        </w:rPr>
      </w:pPr>
      <w:r w:rsidRPr="002A6F4D">
        <w:rPr>
          <w:rFonts w:ascii="Verdana" w:hAnsi="Verdana"/>
        </w:rPr>
        <w:t>00-987 Warszawa</w:t>
      </w:r>
    </w:p>
    <w:p w:rsidR="00167188" w:rsidRPr="002A6F4D" w:rsidRDefault="00167188" w:rsidP="00167188">
      <w:pPr>
        <w:pStyle w:val="Akapitzlist"/>
        <w:spacing w:before="120" w:after="0" w:line="240" w:lineRule="auto"/>
        <w:ind w:left="0"/>
        <w:contextualSpacing w:val="0"/>
        <w:jc w:val="both"/>
        <w:rPr>
          <w:rFonts w:ascii="Verdana" w:hAnsi="Verdana"/>
          <w:sz w:val="24"/>
          <w:szCs w:val="24"/>
        </w:rPr>
      </w:pPr>
      <w:r w:rsidRPr="002A6F4D">
        <w:rPr>
          <w:rFonts w:ascii="Verdana" w:eastAsia="Times New Roman" w:hAnsi="Verdana"/>
          <w:sz w:val="24"/>
          <w:szCs w:val="24"/>
          <w:lang w:eastAsia="pl-PL"/>
        </w:rPr>
        <w:t xml:space="preserve">Formularz zgłoszeniowy, regulamin konkursu, a także kryteria, jakimi będzie się kierować jury podczas wyłaniania laureatów </w:t>
      </w:r>
      <w:r w:rsidR="002A6F4D">
        <w:rPr>
          <w:rFonts w:ascii="Verdana" w:eastAsia="Times New Roman" w:hAnsi="Verdana"/>
          <w:sz w:val="24"/>
          <w:szCs w:val="24"/>
          <w:lang w:eastAsia="pl-PL"/>
        </w:rPr>
        <w:t>dostępne są na stronie in</w:t>
      </w:r>
      <w:r w:rsidR="00A66C13">
        <w:rPr>
          <w:rFonts w:ascii="Verdana" w:eastAsia="Times New Roman" w:hAnsi="Verdana"/>
          <w:sz w:val="24"/>
          <w:szCs w:val="24"/>
          <w:lang w:eastAsia="pl-PL"/>
        </w:rPr>
        <w:t>ternetowej www.gruparobocza.org</w:t>
      </w:r>
    </w:p>
    <w:p w:rsidR="00167188" w:rsidRDefault="00167188" w:rsidP="00167188">
      <w:pPr>
        <w:spacing w:before="120" w:after="0" w:line="240" w:lineRule="auto"/>
        <w:jc w:val="both"/>
        <w:rPr>
          <w:rFonts w:ascii="Verdana" w:hAnsi="Verdana"/>
          <w:sz w:val="24"/>
          <w:szCs w:val="24"/>
        </w:rPr>
      </w:pPr>
      <w:r w:rsidRPr="002A6F4D">
        <w:rPr>
          <w:rFonts w:ascii="Verdana" w:hAnsi="Verdana"/>
          <w:sz w:val="24"/>
          <w:szCs w:val="24"/>
        </w:rPr>
        <w:t xml:space="preserve">Członkowie </w:t>
      </w:r>
      <w:r w:rsidR="00817151">
        <w:rPr>
          <w:rFonts w:ascii="Verdana" w:hAnsi="Verdana"/>
          <w:sz w:val="24"/>
          <w:szCs w:val="24"/>
        </w:rPr>
        <w:t>s</w:t>
      </w:r>
      <w:r w:rsidR="002A6F4D">
        <w:rPr>
          <w:rFonts w:ascii="Verdana" w:hAnsi="Verdana"/>
          <w:sz w:val="24"/>
          <w:szCs w:val="24"/>
        </w:rPr>
        <w:t>towarzyszenia Grupa Robocza</w:t>
      </w:r>
      <w:r w:rsidRPr="002A6F4D">
        <w:rPr>
          <w:rFonts w:ascii="Verdana" w:hAnsi="Verdana"/>
          <w:sz w:val="24"/>
          <w:szCs w:val="24"/>
        </w:rPr>
        <w:t xml:space="preserve"> na Rzecz Innowacji w </w:t>
      </w:r>
      <w:r w:rsidR="002A6F4D">
        <w:rPr>
          <w:rFonts w:ascii="Verdana" w:hAnsi="Verdana"/>
          <w:sz w:val="24"/>
          <w:szCs w:val="24"/>
        </w:rPr>
        <w:t>Ochronie Zdrowia</w:t>
      </w:r>
      <w:r w:rsidRPr="002A6F4D">
        <w:rPr>
          <w:rFonts w:ascii="Verdana" w:hAnsi="Verdana"/>
          <w:sz w:val="24"/>
          <w:szCs w:val="24"/>
        </w:rPr>
        <w:t xml:space="preserve"> przeanalizują nadesłane opisy programów, sprzętu medycznego, leków, bądź rozwiązań organizacyjnych i za najciekawsze przyznają </w:t>
      </w:r>
      <w:r w:rsidR="002A6F4D">
        <w:rPr>
          <w:rFonts w:ascii="Verdana" w:hAnsi="Verdana"/>
          <w:sz w:val="24"/>
          <w:szCs w:val="24"/>
        </w:rPr>
        <w:t>statuetki oraz dyplomy</w:t>
      </w:r>
      <w:r w:rsidRPr="002A6F4D">
        <w:rPr>
          <w:rFonts w:ascii="Verdana" w:hAnsi="Verdana"/>
          <w:sz w:val="24"/>
          <w:szCs w:val="24"/>
        </w:rPr>
        <w:t xml:space="preserve"> „Innowacje dla Zdrowia 20</w:t>
      </w:r>
      <w:r w:rsidR="002A6F4D">
        <w:rPr>
          <w:rFonts w:ascii="Verdana" w:hAnsi="Verdana"/>
          <w:sz w:val="24"/>
          <w:szCs w:val="24"/>
        </w:rPr>
        <w:t>14</w:t>
      </w:r>
      <w:r w:rsidRPr="002A6F4D">
        <w:rPr>
          <w:rFonts w:ascii="Verdana" w:hAnsi="Verdana"/>
          <w:sz w:val="24"/>
          <w:szCs w:val="24"/>
        </w:rPr>
        <w:t xml:space="preserve">”. </w:t>
      </w:r>
    </w:p>
    <w:p w:rsidR="00A66C13" w:rsidRDefault="00A66C13" w:rsidP="00A66C13">
      <w:pPr>
        <w:spacing w:before="120" w:after="0" w:line="240" w:lineRule="auto"/>
        <w:jc w:val="right"/>
        <w:rPr>
          <w:rFonts w:ascii="Verdana" w:hAnsi="Verdana"/>
          <w:sz w:val="24"/>
          <w:szCs w:val="24"/>
        </w:rPr>
      </w:pPr>
      <w:r>
        <w:rPr>
          <w:rFonts w:ascii="Verdana" w:hAnsi="Verdana"/>
          <w:sz w:val="24"/>
          <w:szCs w:val="24"/>
        </w:rPr>
        <w:t>Z wyrazami szacunku</w:t>
      </w:r>
    </w:p>
    <w:p w:rsidR="00A66C13" w:rsidRDefault="00A66C13" w:rsidP="00A66C13">
      <w:pPr>
        <w:spacing w:before="120" w:after="0" w:line="240" w:lineRule="auto"/>
        <w:jc w:val="right"/>
        <w:rPr>
          <w:rFonts w:ascii="Verdana" w:hAnsi="Verdana"/>
          <w:sz w:val="24"/>
          <w:szCs w:val="24"/>
        </w:rPr>
      </w:pPr>
    </w:p>
    <w:p w:rsidR="00A66C13" w:rsidRPr="002A6F4D" w:rsidRDefault="00A66C13" w:rsidP="00A66C13">
      <w:pPr>
        <w:spacing w:before="120" w:after="0" w:line="240" w:lineRule="auto"/>
        <w:jc w:val="right"/>
        <w:rPr>
          <w:rFonts w:ascii="Verdana" w:hAnsi="Verdana"/>
          <w:sz w:val="24"/>
          <w:szCs w:val="24"/>
        </w:rPr>
      </w:pPr>
      <w:r>
        <w:rPr>
          <w:rFonts w:ascii="Verdana" w:hAnsi="Verdana"/>
          <w:sz w:val="24"/>
          <w:szCs w:val="24"/>
        </w:rPr>
        <w:t>………………………………….</w:t>
      </w:r>
    </w:p>
    <w:p w:rsidR="00475895" w:rsidRPr="002A6F4D" w:rsidRDefault="00475895">
      <w:pPr>
        <w:rPr>
          <w:rFonts w:ascii="Verdana" w:hAnsi="Verdana"/>
        </w:rPr>
      </w:pPr>
    </w:p>
    <w:sectPr w:rsidR="00475895" w:rsidRPr="002A6F4D" w:rsidSect="007B1DA9">
      <w:headerReference w:type="default" r:id="rId8"/>
      <w:pgSz w:w="11906" w:h="16838"/>
      <w:pgMar w:top="1843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993E5F" w:rsidRDefault="00993E5F" w:rsidP="00167188">
      <w:pPr>
        <w:spacing w:after="0" w:line="240" w:lineRule="auto"/>
      </w:pPr>
      <w:r>
        <w:separator/>
      </w:r>
    </w:p>
  </w:endnote>
  <w:endnote w:type="continuationSeparator" w:id="0">
    <w:p w:rsidR="00993E5F" w:rsidRDefault="00993E5F" w:rsidP="0016718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Verdana">
    <w:panose1 w:val="020B0604030504040204"/>
    <w:charset w:val="EE"/>
    <w:family w:val="swiss"/>
    <w:pitch w:val="variable"/>
    <w:sig w:usb0="A10006FF" w:usb1="4000205B" w:usb2="00000010" w:usb3="00000000" w:csb0="0000019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993E5F" w:rsidRDefault="00993E5F" w:rsidP="00167188">
      <w:pPr>
        <w:spacing w:after="0" w:line="240" w:lineRule="auto"/>
      </w:pPr>
      <w:r>
        <w:separator/>
      </w:r>
    </w:p>
  </w:footnote>
  <w:footnote w:type="continuationSeparator" w:id="0">
    <w:p w:rsidR="00993E5F" w:rsidRDefault="00993E5F" w:rsidP="00167188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948AF" w:rsidRDefault="004948AF">
    <w:pPr>
      <w:pStyle w:val="Nagwek"/>
    </w:pPr>
    <w:r>
      <w:rPr>
        <w:noProof/>
        <w:lang w:eastAsia="pl-PL"/>
      </w:rPr>
      <w:drawing>
        <wp:inline distT="0" distB="0" distL="0" distR="0">
          <wp:extent cx="3817089" cy="468929"/>
          <wp:effectExtent l="0" t="0" r="0" b="7620"/>
          <wp:docPr id="1" name="Obraz 1" descr="\\s1\management$\Grupa_Robocza\Stowarzyszenie\logo\Logo Stowarzyszenie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1\management$\Grupa_Robocza\Stowarzyszenie\logo\Logo Stowarzyszenie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3815680" cy="468756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12946A9A"/>
    <w:multiLevelType w:val="hybridMultilevel"/>
    <w:tmpl w:val="C8AE61E0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proofState w:spelling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167188"/>
    <w:rsid w:val="000001DA"/>
    <w:rsid w:val="00000811"/>
    <w:rsid w:val="00000B84"/>
    <w:rsid w:val="00000E02"/>
    <w:rsid w:val="00000E0F"/>
    <w:rsid w:val="000030EF"/>
    <w:rsid w:val="00004023"/>
    <w:rsid w:val="00004721"/>
    <w:rsid w:val="00004C48"/>
    <w:rsid w:val="00004C57"/>
    <w:rsid w:val="00006582"/>
    <w:rsid w:val="00007DC4"/>
    <w:rsid w:val="00010E48"/>
    <w:rsid w:val="00015E89"/>
    <w:rsid w:val="00016541"/>
    <w:rsid w:val="000167A3"/>
    <w:rsid w:val="00020031"/>
    <w:rsid w:val="0002028C"/>
    <w:rsid w:val="0002078A"/>
    <w:rsid w:val="00026B06"/>
    <w:rsid w:val="00026B81"/>
    <w:rsid w:val="0002704C"/>
    <w:rsid w:val="00027CAA"/>
    <w:rsid w:val="000335CA"/>
    <w:rsid w:val="00037B0C"/>
    <w:rsid w:val="00040A06"/>
    <w:rsid w:val="0004120E"/>
    <w:rsid w:val="00042F7F"/>
    <w:rsid w:val="0004399B"/>
    <w:rsid w:val="000441D0"/>
    <w:rsid w:val="000446FD"/>
    <w:rsid w:val="00044BCA"/>
    <w:rsid w:val="00046A2B"/>
    <w:rsid w:val="0004726D"/>
    <w:rsid w:val="0005724E"/>
    <w:rsid w:val="00057F6D"/>
    <w:rsid w:val="00061948"/>
    <w:rsid w:val="0006225F"/>
    <w:rsid w:val="0006279C"/>
    <w:rsid w:val="00062A41"/>
    <w:rsid w:val="00063337"/>
    <w:rsid w:val="0006453A"/>
    <w:rsid w:val="000668F4"/>
    <w:rsid w:val="00066EBF"/>
    <w:rsid w:val="00072E33"/>
    <w:rsid w:val="00073060"/>
    <w:rsid w:val="000731D1"/>
    <w:rsid w:val="000732F4"/>
    <w:rsid w:val="00074660"/>
    <w:rsid w:val="00074948"/>
    <w:rsid w:val="000749EA"/>
    <w:rsid w:val="00075111"/>
    <w:rsid w:val="00076510"/>
    <w:rsid w:val="0007788C"/>
    <w:rsid w:val="00080352"/>
    <w:rsid w:val="000822BB"/>
    <w:rsid w:val="00082E1F"/>
    <w:rsid w:val="00083B95"/>
    <w:rsid w:val="0008431F"/>
    <w:rsid w:val="00084DA7"/>
    <w:rsid w:val="00085792"/>
    <w:rsid w:val="00085BF5"/>
    <w:rsid w:val="000864DB"/>
    <w:rsid w:val="000872D9"/>
    <w:rsid w:val="0009090A"/>
    <w:rsid w:val="00094BF5"/>
    <w:rsid w:val="00096006"/>
    <w:rsid w:val="000A0600"/>
    <w:rsid w:val="000A0853"/>
    <w:rsid w:val="000A14C5"/>
    <w:rsid w:val="000A29AD"/>
    <w:rsid w:val="000A3866"/>
    <w:rsid w:val="000A406A"/>
    <w:rsid w:val="000A496B"/>
    <w:rsid w:val="000A65E4"/>
    <w:rsid w:val="000A7B6D"/>
    <w:rsid w:val="000B064B"/>
    <w:rsid w:val="000B0A54"/>
    <w:rsid w:val="000B2226"/>
    <w:rsid w:val="000B5664"/>
    <w:rsid w:val="000B58AF"/>
    <w:rsid w:val="000B5A03"/>
    <w:rsid w:val="000B6CD2"/>
    <w:rsid w:val="000B6DB9"/>
    <w:rsid w:val="000C242A"/>
    <w:rsid w:val="000C2F38"/>
    <w:rsid w:val="000C72E4"/>
    <w:rsid w:val="000C74F0"/>
    <w:rsid w:val="000C786C"/>
    <w:rsid w:val="000C7E69"/>
    <w:rsid w:val="000D0680"/>
    <w:rsid w:val="000D31DB"/>
    <w:rsid w:val="000D3901"/>
    <w:rsid w:val="000D44E3"/>
    <w:rsid w:val="000D504F"/>
    <w:rsid w:val="000D63F9"/>
    <w:rsid w:val="000D7C53"/>
    <w:rsid w:val="000E010C"/>
    <w:rsid w:val="000E09E5"/>
    <w:rsid w:val="000E5088"/>
    <w:rsid w:val="000E6F5E"/>
    <w:rsid w:val="000F1065"/>
    <w:rsid w:val="000F1365"/>
    <w:rsid w:val="000F19EF"/>
    <w:rsid w:val="000F2373"/>
    <w:rsid w:val="000F33AE"/>
    <w:rsid w:val="000F5E29"/>
    <w:rsid w:val="000F5E59"/>
    <w:rsid w:val="000F6D19"/>
    <w:rsid w:val="00102152"/>
    <w:rsid w:val="00103516"/>
    <w:rsid w:val="0010401E"/>
    <w:rsid w:val="001047DB"/>
    <w:rsid w:val="00111EA2"/>
    <w:rsid w:val="0011316B"/>
    <w:rsid w:val="00114762"/>
    <w:rsid w:val="0011628F"/>
    <w:rsid w:val="00117B4D"/>
    <w:rsid w:val="00120821"/>
    <w:rsid w:val="00120E9F"/>
    <w:rsid w:val="0012124D"/>
    <w:rsid w:val="00121585"/>
    <w:rsid w:val="00122BB3"/>
    <w:rsid w:val="00125962"/>
    <w:rsid w:val="00125FD3"/>
    <w:rsid w:val="00126A7C"/>
    <w:rsid w:val="001276F0"/>
    <w:rsid w:val="00133907"/>
    <w:rsid w:val="00135454"/>
    <w:rsid w:val="0013548E"/>
    <w:rsid w:val="00137321"/>
    <w:rsid w:val="00137457"/>
    <w:rsid w:val="0013790F"/>
    <w:rsid w:val="00140A68"/>
    <w:rsid w:val="001422BC"/>
    <w:rsid w:val="00142793"/>
    <w:rsid w:val="00142EE4"/>
    <w:rsid w:val="0014598A"/>
    <w:rsid w:val="001500D7"/>
    <w:rsid w:val="00150C2E"/>
    <w:rsid w:val="00150E75"/>
    <w:rsid w:val="00151A26"/>
    <w:rsid w:val="00151A9E"/>
    <w:rsid w:val="0015264A"/>
    <w:rsid w:val="001526CD"/>
    <w:rsid w:val="0015309B"/>
    <w:rsid w:val="00154B86"/>
    <w:rsid w:val="0016090C"/>
    <w:rsid w:val="0016357E"/>
    <w:rsid w:val="0016635D"/>
    <w:rsid w:val="00167188"/>
    <w:rsid w:val="00167AD7"/>
    <w:rsid w:val="00167F23"/>
    <w:rsid w:val="00170D1F"/>
    <w:rsid w:val="00172378"/>
    <w:rsid w:val="00172BF7"/>
    <w:rsid w:val="001734DF"/>
    <w:rsid w:val="00173C6D"/>
    <w:rsid w:val="00174980"/>
    <w:rsid w:val="00174EE1"/>
    <w:rsid w:val="00176211"/>
    <w:rsid w:val="0017760B"/>
    <w:rsid w:val="00181491"/>
    <w:rsid w:val="001814E0"/>
    <w:rsid w:val="00184D27"/>
    <w:rsid w:val="00184D6C"/>
    <w:rsid w:val="00184E59"/>
    <w:rsid w:val="0018540C"/>
    <w:rsid w:val="00185473"/>
    <w:rsid w:val="00185FE1"/>
    <w:rsid w:val="001900C0"/>
    <w:rsid w:val="001903E6"/>
    <w:rsid w:val="00193784"/>
    <w:rsid w:val="00193BAA"/>
    <w:rsid w:val="0019476C"/>
    <w:rsid w:val="00196742"/>
    <w:rsid w:val="00197A8E"/>
    <w:rsid w:val="001A0CFE"/>
    <w:rsid w:val="001A306F"/>
    <w:rsid w:val="001A3BA8"/>
    <w:rsid w:val="001A400E"/>
    <w:rsid w:val="001A406A"/>
    <w:rsid w:val="001A407A"/>
    <w:rsid w:val="001A4803"/>
    <w:rsid w:val="001A66AC"/>
    <w:rsid w:val="001A6E1D"/>
    <w:rsid w:val="001B0571"/>
    <w:rsid w:val="001B0AEF"/>
    <w:rsid w:val="001B1775"/>
    <w:rsid w:val="001B2A6F"/>
    <w:rsid w:val="001B2C41"/>
    <w:rsid w:val="001B3163"/>
    <w:rsid w:val="001B34CE"/>
    <w:rsid w:val="001B41EA"/>
    <w:rsid w:val="001B4388"/>
    <w:rsid w:val="001B5FEB"/>
    <w:rsid w:val="001B6174"/>
    <w:rsid w:val="001B78C5"/>
    <w:rsid w:val="001C2013"/>
    <w:rsid w:val="001C565B"/>
    <w:rsid w:val="001C6B6B"/>
    <w:rsid w:val="001D239C"/>
    <w:rsid w:val="001D298B"/>
    <w:rsid w:val="001D2E97"/>
    <w:rsid w:val="001D3379"/>
    <w:rsid w:val="001D3EDF"/>
    <w:rsid w:val="001D5126"/>
    <w:rsid w:val="001D560D"/>
    <w:rsid w:val="001D5713"/>
    <w:rsid w:val="001E0E58"/>
    <w:rsid w:val="001E3C8F"/>
    <w:rsid w:val="001E3CC7"/>
    <w:rsid w:val="001E491F"/>
    <w:rsid w:val="001F1464"/>
    <w:rsid w:val="001F17FA"/>
    <w:rsid w:val="001F195E"/>
    <w:rsid w:val="001F311F"/>
    <w:rsid w:val="001F4F7D"/>
    <w:rsid w:val="002008FC"/>
    <w:rsid w:val="002018C7"/>
    <w:rsid w:val="002030A5"/>
    <w:rsid w:val="00203DCB"/>
    <w:rsid w:val="00205DC4"/>
    <w:rsid w:val="00206212"/>
    <w:rsid w:val="002077C5"/>
    <w:rsid w:val="00211ABF"/>
    <w:rsid w:val="00213E1C"/>
    <w:rsid w:val="00213E33"/>
    <w:rsid w:val="00214848"/>
    <w:rsid w:val="00214F43"/>
    <w:rsid w:val="00215271"/>
    <w:rsid w:val="00216B06"/>
    <w:rsid w:val="00217EDC"/>
    <w:rsid w:val="002213DF"/>
    <w:rsid w:val="00221B57"/>
    <w:rsid w:val="002223C7"/>
    <w:rsid w:val="0022311F"/>
    <w:rsid w:val="0022340C"/>
    <w:rsid w:val="00224850"/>
    <w:rsid w:val="0022490B"/>
    <w:rsid w:val="00224EEF"/>
    <w:rsid w:val="00226352"/>
    <w:rsid w:val="00226E41"/>
    <w:rsid w:val="00230D83"/>
    <w:rsid w:val="002314B6"/>
    <w:rsid w:val="002343E8"/>
    <w:rsid w:val="00234CAA"/>
    <w:rsid w:val="00243987"/>
    <w:rsid w:val="00243A99"/>
    <w:rsid w:val="00244628"/>
    <w:rsid w:val="002452CB"/>
    <w:rsid w:val="002458F8"/>
    <w:rsid w:val="00246E7D"/>
    <w:rsid w:val="00247761"/>
    <w:rsid w:val="002503A5"/>
    <w:rsid w:val="00250FD7"/>
    <w:rsid w:val="00251474"/>
    <w:rsid w:val="00251C95"/>
    <w:rsid w:val="00252C1B"/>
    <w:rsid w:val="002531DA"/>
    <w:rsid w:val="00254F54"/>
    <w:rsid w:val="00254F79"/>
    <w:rsid w:val="00255931"/>
    <w:rsid w:val="00257E65"/>
    <w:rsid w:val="002608D3"/>
    <w:rsid w:val="00260D7D"/>
    <w:rsid w:val="00261A71"/>
    <w:rsid w:val="00262525"/>
    <w:rsid w:val="00263839"/>
    <w:rsid w:val="00267D2F"/>
    <w:rsid w:val="0027117A"/>
    <w:rsid w:val="002714C9"/>
    <w:rsid w:val="002729DB"/>
    <w:rsid w:val="00273137"/>
    <w:rsid w:val="002742BE"/>
    <w:rsid w:val="00275E5D"/>
    <w:rsid w:val="00280166"/>
    <w:rsid w:val="00281195"/>
    <w:rsid w:val="00281828"/>
    <w:rsid w:val="00281FAC"/>
    <w:rsid w:val="002822A9"/>
    <w:rsid w:val="00285613"/>
    <w:rsid w:val="00290F58"/>
    <w:rsid w:val="00292397"/>
    <w:rsid w:val="00293331"/>
    <w:rsid w:val="00293693"/>
    <w:rsid w:val="0029393A"/>
    <w:rsid w:val="00293B8D"/>
    <w:rsid w:val="002944AB"/>
    <w:rsid w:val="0029507C"/>
    <w:rsid w:val="0029576A"/>
    <w:rsid w:val="00295BC1"/>
    <w:rsid w:val="00295F40"/>
    <w:rsid w:val="002974B9"/>
    <w:rsid w:val="002A0968"/>
    <w:rsid w:val="002A123A"/>
    <w:rsid w:val="002A2B61"/>
    <w:rsid w:val="002A4367"/>
    <w:rsid w:val="002A6F4D"/>
    <w:rsid w:val="002B1867"/>
    <w:rsid w:val="002B29B4"/>
    <w:rsid w:val="002B2D14"/>
    <w:rsid w:val="002B332E"/>
    <w:rsid w:val="002B3FD9"/>
    <w:rsid w:val="002B5AC0"/>
    <w:rsid w:val="002B6094"/>
    <w:rsid w:val="002B6BDF"/>
    <w:rsid w:val="002C0E8E"/>
    <w:rsid w:val="002C1FFD"/>
    <w:rsid w:val="002C3C61"/>
    <w:rsid w:val="002C4DD9"/>
    <w:rsid w:val="002C58C5"/>
    <w:rsid w:val="002C670A"/>
    <w:rsid w:val="002D1173"/>
    <w:rsid w:val="002D1DAC"/>
    <w:rsid w:val="002D294D"/>
    <w:rsid w:val="002D42D5"/>
    <w:rsid w:val="002D47B5"/>
    <w:rsid w:val="002D4E3F"/>
    <w:rsid w:val="002D5D27"/>
    <w:rsid w:val="002D6E72"/>
    <w:rsid w:val="002E1D1A"/>
    <w:rsid w:val="002E214C"/>
    <w:rsid w:val="002E484C"/>
    <w:rsid w:val="002F04F8"/>
    <w:rsid w:val="002F0845"/>
    <w:rsid w:val="002F0D6D"/>
    <w:rsid w:val="002F0E69"/>
    <w:rsid w:val="002F1534"/>
    <w:rsid w:val="002F1FAB"/>
    <w:rsid w:val="002F2C37"/>
    <w:rsid w:val="002F5A3E"/>
    <w:rsid w:val="002F7213"/>
    <w:rsid w:val="003005A1"/>
    <w:rsid w:val="00300E8A"/>
    <w:rsid w:val="0030222A"/>
    <w:rsid w:val="003046CA"/>
    <w:rsid w:val="003051AC"/>
    <w:rsid w:val="00306217"/>
    <w:rsid w:val="00306DA4"/>
    <w:rsid w:val="00307BF1"/>
    <w:rsid w:val="0031220C"/>
    <w:rsid w:val="003145B4"/>
    <w:rsid w:val="00315C48"/>
    <w:rsid w:val="00316B4E"/>
    <w:rsid w:val="003174BF"/>
    <w:rsid w:val="003175F9"/>
    <w:rsid w:val="0032054F"/>
    <w:rsid w:val="00321981"/>
    <w:rsid w:val="00326709"/>
    <w:rsid w:val="00326710"/>
    <w:rsid w:val="0033120F"/>
    <w:rsid w:val="00332492"/>
    <w:rsid w:val="00332806"/>
    <w:rsid w:val="00334804"/>
    <w:rsid w:val="00335900"/>
    <w:rsid w:val="003362BC"/>
    <w:rsid w:val="00337EE7"/>
    <w:rsid w:val="0034000E"/>
    <w:rsid w:val="003400B3"/>
    <w:rsid w:val="003411B4"/>
    <w:rsid w:val="0034221E"/>
    <w:rsid w:val="00342878"/>
    <w:rsid w:val="00343B59"/>
    <w:rsid w:val="00345B8B"/>
    <w:rsid w:val="00346ECB"/>
    <w:rsid w:val="003510AF"/>
    <w:rsid w:val="0035192B"/>
    <w:rsid w:val="003521E0"/>
    <w:rsid w:val="0035240A"/>
    <w:rsid w:val="00352B5E"/>
    <w:rsid w:val="00352F65"/>
    <w:rsid w:val="003551AE"/>
    <w:rsid w:val="00362694"/>
    <w:rsid w:val="00362FB4"/>
    <w:rsid w:val="00363CC7"/>
    <w:rsid w:val="00363CE7"/>
    <w:rsid w:val="003646D9"/>
    <w:rsid w:val="00365009"/>
    <w:rsid w:val="003658F7"/>
    <w:rsid w:val="00367CE1"/>
    <w:rsid w:val="0037106E"/>
    <w:rsid w:val="003731C9"/>
    <w:rsid w:val="003745E3"/>
    <w:rsid w:val="00375568"/>
    <w:rsid w:val="00375B3D"/>
    <w:rsid w:val="0037719E"/>
    <w:rsid w:val="00381890"/>
    <w:rsid w:val="003825D1"/>
    <w:rsid w:val="0038340C"/>
    <w:rsid w:val="003837AA"/>
    <w:rsid w:val="00383B10"/>
    <w:rsid w:val="00386D74"/>
    <w:rsid w:val="00390319"/>
    <w:rsid w:val="00391887"/>
    <w:rsid w:val="00392619"/>
    <w:rsid w:val="003927F3"/>
    <w:rsid w:val="00392804"/>
    <w:rsid w:val="0039478C"/>
    <w:rsid w:val="0039577B"/>
    <w:rsid w:val="00395A22"/>
    <w:rsid w:val="00396B06"/>
    <w:rsid w:val="00396CB8"/>
    <w:rsid w:val="00396D99"/>
    <w:rsid w:val="003A0752"/>
    <w:rsid w:val="003A089B"/>
    <w:rsid w:val="003A119E"/>
    <w:rsid w:val="003A1BD0"/>
    <w:rsid w:val="003A393D"/>
    <w:rsid w:val="003A4727"/>
    <w:rsid w:val="003A5EB7"/>
    <w:rsid w:val="003B006B"/>
    <w:rsid w:val="003B1BE7"/>
    <w:rsid w:val="003B3957"/>
    <w:rsid w:val="003B3D8C"/>
    <w:rsid w:val="003B4118"/>
    <w:rsid w:val="003B512C"/>
    <w:rsid w:val="003B6801"/>
    <w:rsid w:val="003C2337"/>
    <w:rsid w:val="003C2A2D"/>
    <w:rsid w:val="003C3199"/>
    <w:rsid w:val="003C3331"/>
    <w:rsid w:val="003C37AC"/>
    <w:rsid w:val="003C5B9C"/>
    <w:rsid w:val="003C5F82"/>
    <w:rsid w:val="003C668E"/>
    <w:rsid w:val="003C6BC5"/>
    <w:rsid w:val="003D0E72"/>
    <w:rsid w:val="003D2F1D"/>
    <w:rsid w:val="003D5199"/>
    <w:rsid w:val="003D5543"/>
    <w:rsid w:val="003D5F80"/>
    <w:rsid w:val="003D6C9F"/>
    <w:rsid w:val="003D712D"/>
    <w:rsid w:val="003E03E7"/>
    <w:rsid w:val="003E4B0B"/>
    <w:rsid w:val="003E4DFD"/>
    <w:rsid w:val="003E5891"/>
    <w:rsid w:val="003E6384"/>
    <w:rsid w:val="003E63EF"/>
    <w:rsid w:val="003F0350"/>
    <w:rsid w:val="003F0C35"/>
    <w:rsid w:val="003F0CFA"/>
    <w:rsid w:val="003F18DC"/>
    <w:rsid w:val="003F1E3A"/>
    <w:rsid w:val="003F2AB4"/>
    <w:rsid w:val="003F2B87"/>
    <w:rsid w:val="003F3E43"/>
    <w:rsid w:val="003F4728"/>
    <w:rsid w:val="003F5544"/>
    <w:rsid w:val="003F63C8"/>
    <w:rsid w:val="003F6484"/>
    <w:rsid w:val="0040065F"/>
    <w:rsid w:val="004009F5"/>
    <w:rsid w:val="00404616"/>
    <w:rsid w:val="004051C1"/>
    <w:rsid w:val="004054BD"/>
    <w:rsid w:val="00406981"/>
    <w:rsid w:val="004069ED"/>
    <w:rsid w:val="00406C8C"/>
    <w:rsid w:val="004122F6"/>
    <w:rsid w:val="004133AA"/>
    <w:rsid w:val="00414D68"/>
    <w:rsid w:val="0041645C"/>
    <w:rsid w:val="00422A8F"/>
    <w:rsid w:val="00422FE1"/>
    <w:rsid w:val="00424D61"/>
    <w:rsid w:val="00425754"/>
    <w:rsid w:val="00426748"/>
    <w:rsid w:val="0042702C"/>
    <w:rsid w:val="0042747E"/>
    <w:rsid w:val="004275E9"/>
    <w:rsid w:val="00430381"/>
    <w:rsid w:val="00430531"/>
    <w:rsid w:val="004309E2"/>
    <w:rsid w:val="00430E16"/>
    <w:rsid w:val="00433367"/>
    <w:rsid w:val="004342B5"/>
    <w:rsid w:val="004348E7"/>
    <w:rsid w:val="00434AFE"/>
    <w:rsid w:val="0043596F"/>
    <w:rsid w:val="00435A09"/>
    <w:rsid w:val="00436789"/>
    <w:rsid w:val="00440E21"/>
    <w:rsid w:val="00440FB0"/>
    <w:rsid w:val="00441A44"/>
    <w:rsid w:val="00441B66"/>
    <w:rsid w:val="00443345"/>
    <w:rsid w:val="00443905"/>
    <w:rsid w:val="00443919"/>
    <w:rsid w:val="004442A5"/>
    <w:rsid w:val="00445384"/>
    <w:rsid w:val="004454B1"/>
    <w:rsid w:val="0044561E"/>
    <w:rsid w:val="00445EDE"/>
    <w:rsid w:val="00446589"/>
    <w:rsid w:val="004473CE"/>
    <w:rsid w:val="004479A8"/>
    <w:rsid w:val="00451A44"/>
    <w:rsid w:val="00452E1A"/>
    <w:rsid w:val="004556F3"/>
    <w:rsid w:val="00455DBD"/>
    <w:rsid w:val="0045653F"/>
    <w:rsid w:val="00456FBA"/>
    <w:rsid w:val="00457027"/>
    <w:rsid w:val="00457355"/>
    <w:rsid w:val="00457823"/>
    <w:rsid w:val="00457EAD"/>
    <w:rsid w:val="004602CA"/>
    <w:rsid w:val="004612D2"/>
    <w:rsid w:val="00461D0C"/>
    <w:rsid w:val="004633F1"/>
    <w:rsid w:val="00463E63"/>
    <w:rsid w:val="00465B56"/>
    <w:rsid w:val="004665D3"/>
    <w:rsid w:val="00466C13"/>
    <w:rsid w:val="004700E0"/>
    <w:rsid w:val="00471C00"/>
    <w:rsid w:val="00472BD9"/>
    <w:rsid w:val="00473142"/>
    <w:rsid w:val="00474823"/>
    <w:rsid w:val="00474B0D"/>
    <w:rsid w:val="00475895"/>
    <w:rsid w:val="004761D4"/>
    <w:rsid w:val="004763A4"/>
    <w:rsid w:val="004767CD"/>
    <w:rsid w:val="00476B80"/>
    <w:rsid w:val="0048035E"/>
    <w:rsid w:val="004803C9"/>
    <w:rsid w:val="0048174E"/>
    <w:rsid w:val="004817EB"/>
    <w:rsid w:val="00485854"/>
    <w:rsid w:val="00485B61"/>
    <w:rsid w:val="00486713"/>
    <w:rsid w:val="00487B51"/>
    <w:rsid w:val="00491124"/>
    <w:rsid w:val="00491327"/>
    <w:rsid w:val="004915A0"/>
    <w:rsid w:val="00493152"/>
    <w:rsid w:val="00494338"/>
    <w:rsid w:val="004948AF"/>
    <w:rsid w:val="004A35F6"/>
    <w:rsid w:val="004A47FF"/>
    <w:rsid w:val="004A5EDA"/>
    <w:rsid w:val="004A672E"/>
    <w:rsid w:val="004A79C1"/>
    <w:rsid w:val="004B135A"/>
    <w:rsid w:val="004B1816"/>
    <w:rsid w:val="004B1B2C"/>
    <w:rsid w:val="004B22B6"/>
    <w:rsid w:val="004B2DAC"/>
    <w:rsid w:val="004B4959"/>
    <w:rsid w:val="004B5F49"/>
    <w:rsid w:val="004B77E8"/>
    <w:rsid w:val="004C257C"/>
    <w:rsid w:val="004D1EF7"/>
    <w:rsid w:val="004D316B"/>
    <w:rsid w:val="004D4D69"/>
    <w:rsid w:val="004D61FF"/>
    <w:rsid w:val="004D6D7D"/>
    <w:rsid w:val="004E00A5"/>
    <w:rsid w:val="004E1409"/>
    <w:rsid w:val="004E2845"/>
    <w:rsid w:val="004E2C64"/>
    <w:rsid w:val="004E34E1"/>
    <w:rsid w:val="004E3DEC"/>
    <w:rsid w:val="004E4460"/>
    <w:rsid w:val="004E4E80"/>
    <w:rsid w:val="004E549E"/>
    <w:rsid w:val="004E5691"/>
    <w:rsid w:val="004E64B6"/>
    <w:rsid w:val="004E7CC9"/>
    <w:rsid w:val="004F05F2"/>
    <w:rsid w:val="004F143E"/>
    <w:rsid w:val="004F39F3"/>
    <w:rsid w:val="004F674C"/>
    <w:rsid w:val="004F6D30"/>
    <w:rsid w:val="00500857"/>
    <w:rsid w:val="00504CB2"/>
    <w:rsid w:val="00505335"/>
    <w:rsid w:val="0050549A"/>
    <w:rsid w:val="00506EB5"/>
    <w:rsid w:val="00510425"/>
    <w:rsid w:val="00510AA2"/>
    <w:rsid w:val="005113F3"/>
    <w:rsid w:val="00512154"/>
    <w:rsid w:val="0051232D"/>
    <w:rsid w:val="00513201"/>
    <w:rsid w:val="00513E64"/>
    <w:rsid w:val="00515E7C"/>
    <w:rsid w:val="00515ED7"/>
    <w:rsid w:val="0051601E"/>
    <w:rsid w:val="0051635A"/>
    <w:rsid w:val="005206F7"/>
    <w:rsid w:val="005210FD"/>
    <w:rsid w:val="0052175A"/>
    <w:rsid w:val="0052294C"/>
    <w:rsid w:val="0052428B"/>
    <w:rsid w:val="005248FF"/>
    <w:rsid w:val="005254BA"/>
    <w:rsid w:val="0052778B"/>
    <w:rsid w:val="00530F88"/>
    <w:rsid w:val="00531324"/>
    <w:rsid w:val="005324C1"/>
    <w:rsid w:val="005334FA"/>
    <w:rsid w:val="005344D3"/>
    <w:rsid w:val="00537D60"/>
    <w:rsid w:val="00540478"/>
    <w:rsid w:val="00540F44"/>
    <w:rsid w:val="00541518"/>
    <w:rsid w:val="00541551"/>
    <w:rsid w:val="005425F0"/>
    <w:rsid w:val="005430F9"/>
    <w:rsid w:val="00543C14"/>
    <w:rsid w:val="00543D06"/>
    <w:rsid w:val="00544EF8"/>
    <w:rsid w:val="00545A2B"/>
    <w:rsid w:val="00546189"/>
    <w:rsid w:val="005472FC"/>
    <w:rsid w:val="005477FC"/>
    <w:rsid w:val="00547878"/>
    <w:rsid w:val="00550D1D"/>
    <w:rsid w:val="0055335F"/>
    <w:rsid w:val="00553B86"/>
    <w:rsid w:val="00554787"/>
    <w:rsid w:val="00554910"/>
    <w:rsid w:val="00554C23"/>
    <w:rsid w:val="00561D45"/>
    <w:rsid w:val="005638E9"/>
    <w:rsid w:val="00563A19"/>
    <w:rsid w:val="00563E22"/>
    <w:rsid w:val="00563E24"/>
    <w:rsid w:val="005653B1"/>
    <w:rsid w:val="005679A8"/>
    <w:rsid w:val="005679F1"/>
    <w:rsid w:val="00571ED7"/>
    <w:rsid w:val="00573611"/>
    <w:rsid w:val="00573DEE"/>
    <w:rsid w:val="0057436F"/>
    <w:rsid w:val="00575081"/>
    <w:rsid w:val="0058192E"/>
    <w:rsid w:val="00581FB9"/>
    <w:rsid w:val="00582CBE"/>
    <w:rsid w:val="0058389E"/>
    <w:rsid w:val="00585365"/>
    <w:rsid w:val="00585542"/>
    <w:rsid w:val="00586323"/>
    <w:rsid w:val="00586508"/>
    <w:rsid w:val="005867C1"/>
    <w:rsid w:val="005867CA"/>
    <w:rsid w:val="00586C01"/>
    <w:rsid w:val="005901DD"/>
    <w:rsid w:val="00591655"/>
    <w:rsid w:val="00592DDB"/>
    <w:rsid w:val="00593475"/>
    <w:rsid w:val="00594E15"/>
    <w:rsid w:val="00594E81"/>
    <w:rsid w:val="00595E0C"/>
    <w:rsid w:val="00596581"/>
    <w:rsid w:val="005979E6"/>
    <w:rsid w:val="005A1810"/>
    <w:rsid w:val="005A1A38"/>
    <w:rsid w:val="005A2385"/>
    <w:rsid w:val="005A2576"/>
    <w:rsid w:val="005A289A"/>
    <w:rsid w:val="005A2C88"/>
    <w:rsid w:val="005A3C95"/>
    <w:rsid w:val="005A4F9F"/>
    <w:rsid w:val="005A602A"/>
    <w:rsid w:val="005A68E6"/>
    <w:rsid w:val="005A7AD5"/>
    <w:rsid w:val="005B0E56"/>
    <w:rsid w:val="005B6B49"/>
    <w:rsid w:val="005C0CD9"/>
    <w:rsid w:val="005C0DC9"/>
    <w:rsid w:val="005C1BA5"/>
    <w:rsid w:val="005C2466"/>
    <w:rsid w:val="005C2502"/>
    <w:rsid w:val="005C330B"/>
    <w:rsid w:val="005C3D9B"/>
    <w:rsid w:val="005C3E1A"/>
    <w:rsid w:val="005C4C97"/>
    <w:rsid w:val="005D176E"/>
    <w:rsid w:val="005D1FAF"/>
    <w:rsid w:val="005D72F1"/>
    <w:rsid w:val="005E149B"/>
    <w:rsid w:val="005E2ED7"/>
    <w:rsid w:val="005E441D"/>
    <w:rsid w:val="005E4D54"/>
    <w:rsid w:val="005E5031"/>
    <w:rsid w:val="005E6C6B"/>
    <w:rsid w:val="005F02BE"/>
    <w:rsid w:val="005F0349"/>
    <w:rsid w:val="005F03B2"/>
    <w:rsid w:val="005F0531"/>
    <w:rsid w:val="005F125E"/>
    <w:rsid w:val="005F2A75"/>
    <w:rsid w:val="005F3120"/>
    <w:rsid w:val="005F3DFE"/>
    <w:rsid w:val="00600360"/>
    <w:rsid w:val="0060096E"/>
    <w:rsid w:val="00602969"/>
    <w:rsid w:val="00602E8B"/>
    <w:rsid w:val="006058CC"/>
    <w:rsid w:val="00606854"/>
    <w:rsid w:val="0060778F"/>
    <w:rsid w:val="006109E3"/>
    <w:rsid w:val="0061118B"/>
    <w:rsid w:val="0061149E"/>
    <w:rsid w:val="00614169"/>
    <w:rsid w:val="00615106"/>
    <w:rsid w:val="00616FBB"/>
    <w:rsid w:val="00621084"/>
    <w:rsid w:val="0062332C"/>
    <w:rsid w:val="0062501C"/>
    <w:rsid w:val="00625490"/>
    <w:rsid w:val="00625A75"/>
    <w:rsid w:val="00627D57"/>
    <w:rsid w:val="006313E6"/>
    <w:rsid w:val="0063265C"/>
    <w:rsid w:val="00632719"/>
    <w:rsid w:val="00636C96"/>
    <w:rsid w:val="00637E52"/>
    <w:rsid w:val="00640FDA"/>
    <w:rsid w:val="006411D9"/>
    <w:rsid w:val="0064183A"/>
    <w:rsid w:val="006468ED"/>
    <w:rsid w:val="006477DA"/>
    <w:rsid w:val="006504D1"/>
    <w:rsid w:val="00650B62"/>
    <w:rsid w:val="00652FF6"/>
    <w:rsid w:val="00656C24"/>
    <w:rsid w:val="00662E5F"/>
    <w:rsid w:val="006655CE"/>
    <w:rsid w:val="00667226"/>
    <w:rsid w:val="00670836"/>
    <w:rsid w:val="006717B4"/>
    <w:rsid w:val="006719E0"/>
    <w:rsid w:val="00672279"/>
    <w:rsid w:val="00672636"/>
    <w:rsid w:val="006756A5"/>
    <w:rsid w:val="0067601C"/>
    <w:rsid w:val="00676A86"/>
    <w:rsid w:val="00676DCE"/>
    <w:rsid w:val="0068227C"/>
    <w:rsid w:val="00682729"/>
    <w:rsid w:val="00686F19"/>
    <w:rsid w:val="00686F92"/>
    <w:rsid w:val="006921D6"/>
    <w:rsid w:val="00693F3A"/>
    <w:rsid w:val="00693FF8"/>
    <w:rsid w:val="0069737C"/>
    <w:rsid w:val="006A119E"/>
    <w:rsid w:val="006A345D"/>
    <w:rsid w:val="006A66F1"/>
    <w:rsid w:val="006A6CB2"/>
    <w:rsid w:val="006A73B6"/>
    <w:rsid w:val="006B07FE"/>
    <w:rsid w:val="006B401F"/>
    <w:rsid w:val="006B4D3A"/>
    <w:rsid w:val="006B55A3"/>
    <w:rsid w:val="006B56EA"/>
    <w:rsid w:val="006B5BAE"/>
    <w:rsid w:val="006B6826"/>
    <w:rsid w:val="006B6DD0"/>
    <w:rsid w:val="006B7592"/>
    <w:rsid w:val="006C004F"/>
    <w:rsid w:val="006C0817"/>
    <w:rsid w:val="006C11CD"/>
    <w:rsid w:val="006C1E3F"/>
    <w:rsid w:val="006C1FF7"/>
    <w:rsid w:val="006C4882"/>
    <w:rsid w:val="006C4CF3"/>
    <w:rsid w:val="006C58AC"/>
    <w:rsid w:val="006C70B8"/>
    <w:rsid w:val="006C756E"/>
    <w:rsid w:val="006C7B6F"/>
    <w:rsid w:val="006D101E"/>
    <w:rsid w:val="006D3D43"/>
    <w:rsid w:val="006D5196"/>
    <w:rsid w:val="006D70D9"/>
    <w:rsid w:val="006E1ABB"/>
    <w:rsid w:val="006E2050"/>
    <w:rsid w:val="006E32B3"/>
    <w:rsid w:val="006E3570"/>
    <w:rsid w:val="006E489D"/>
    <w:rsid w:val="006E4BA2"/>
    <w:rsid w:val="006E517F"/>
    <w:rsid w:val="006E53D9"/>
    <w:rsid w:val="006E74D7"/>
    <w:rsid w:val="006F29E9"/>
    <w:rsid w:val="006F3701"/>
    <w:rsid w:val="006F38B4"/>
    <w:rsid w:val="006F3BA2"/>
    <w:rsid w:val="006F521F"/>
    <w:rsid w:val="006F603E"/>
    <w:rsid w:val="006F691D"/>
    <w:rsid w:val="006F69AD"/>
    <w:rsid w:val="006F7B7E"/>
    <w:rsid w:val="0070137E"/>
    <w:rsid w:val="0070297F"/>
    <w:rsid w:val="00702AF5"/>
    <w:rsid w:val="00702DFB"/>
    <w:rsid w:val="00704F65"/>
    <w:rsid w:val="007051DC"/>
    <w:rsid w:val="00707000"/>
    <w:rsid w:val="00711004"/>
    <w:rsid w:val="00713228"/>
    <w:rsid w:val="007132B9"/>
    <w:rsid w:val="0071360F"/>
    <w:rsid w:val="00714D06"/>
    <w:rsid w:val="00716F03"/>
    <w:rsid w:val="007171AE"/>
    <w:rsid w:val="00723ABB"/>
    <w:rsid w:val="00723B05"/>
    <w:rsid w:val="007252BA"/>
    <w:rsid w:val="007254D9"/>
    <w:rsid w:val="007257EB"/>
    <w:rsid w:val="007276C8"/>
    <w:rsid w:val="007304BB"/>
    <w:rsid w:val="00733E32"/>
    <w:rsid w:val="0073612B"/>
    <w:rsid w:val="007363BF"/>
    <w:rsid w:val="0073676F"/>
    <w:rsid w:val="00742BDE"/>
    <w:rsid w:val="00744652"/>
    <w:rsid w:val="00745694"/>
    <w:rsid w:val="00746FA4"/>
    <w:rsid w:val="00750613"/>
    <w:rsid w:val="00750F1C"/>
    <w:rsid w:val="0075166B"/>
    <w:rsid w:val="007520B1"/>
    <w:rsid w:val="0075438C"/>
    <w:rsid w:val="00754854"/>
    <w:rsid w:val="00755CEB"/>
    <w:rsid w:val="00757C77"/>
    <w:rsid w:val="00757D09"/>
    <w:rsid w:val="00757DB8"/>
    <w:rsid w:val="007616B2"/>
    <w:rsid w:val="00762AB1"/>
    <w:rsid w:val="007632C9"/>
    <w:rsid w:val="0076338B"/>
    <w:rsid w:val="0076345A"/>
    <w:rsid w:val="00764961"/>
    <w:rsid w:val="00773637"/>
    <w:rsid w:val="007744E7"/>
    <w:rsid w:val="00775868"/>
    <w:rsid w:val="00776BB3"/>
    <w:rsid w:val="00777287"/>
    <w:rsid w:val="007802C3"/>
    <w:rsid w:val="00780739"/>
    <w:rsid w:val="00781335"/>
    <w:rsid w:val="00781C9C"/>
    <w:rsid w:val="007831A9"/>
    <w:rsid w:val="0078470E"/>
    <w:rsid w:val="0078510B"/>
    <w:rsid w:val="007856E6"/>
    <w:rsid w:val="007859FE"/>
    <w:rsid w:val="007869FC"/>
    <w:rsid w:val="00787F75"/>
    <w:rsid w:val="007905E1"/>
    <w:rsid w:val="00790899"/>
    <w:rsid w:val="007921EC"/>
    <w:rsid w:val="007937E8"/>
    <w:rsid w:val="00793B23"/>
    <w:rsid w:val="00793CA1"/>
    <w:rsid w:val="00793E36"/>
    <w:rsid w:val="00794732"/>
    <w:rsid w:val="007A146D"/>
    <w:rsid w:val="007A1876"/>
    <w:rsid w:val="007A1D0A"/>
    <w:rsid w:val="007A243C"/>
    <w:rsid w:val="007A24F1"/>
    <w:rsid w:val="007A284E"/>
    <w:rsid w:val="007A3D55"/>
    <w:rsid w:val="007B0315"/>
    <w:rsid w:val="007B054C"/>
    <w:rsid w:val="007B1C2A"/>
    <w:rsid w:val="007B3E18"/>
    <w:rsid w:val="007B4431"/>
    <w:rsid w:val="007B4B00"/>
    <w:rsid w:val="007B5310"/>
    <w:rsid w:val="007C073E"/>
    <w:rsid w:val="007C193C"/>
    <w:rsid w:val="007C2F79"/>
    <w:rsid w:val="007C6906"/>
    <w:rsid w:val="007C6994"/>
    <w:rsid w:val="007C78AD"/>
    <w:rsid w:val="007C7A43"/>
    <w:rsid w:val="007C7BEE"/>
    <w:rsid w:val="007D0F89"/>
    <w:rsid w:val="007D32C0"/>
    <w:rsid w:val="007D482D"/>
    <w:rsid w:val="007D4B79"/>
    <w:rsid w:val="007D6CCA"/>
    <w:rsid w:val="007D6EAC"/>
    <w:rsid w:val="007E1510"/>
    <w:rsid w:val="007E157D"/>
    <w:rsid w:val="007E2B3B"/>
    <w:rsid w:val="007E2E4B"/>
    <w:rsid w:val="007E39C3"/>
    <w:rsid w:val="007E70D8"/>
    <w:rsid w:val="007F0A22"/>
    <w:rsid w:val="007F0F7E"/>
    <w:rsid w:val="007F11F5"/>
    <w:rsid w:val="007F1C5A"/>
    <w:rsid w:val="007F2CA7"/>
    <w:rsid w:val="007F3193"/>
    <w:rsid w:val="007F3BE3"/>
    <w:rsid w:val="007F4FFB"/>
    <w:rsid w:val="007F6670"/>
    <w:rsid w:val="007F6B2D"/>
    <w:rsid w:val="00802AA5"/>
    <w:rsid w:val="00803DA6"/>
    <w:rsid w:val="0080497C"/>
    <w:rsid w:val="00805648"/>
    <w:rsid w:val="00805A7C"/>
    <w:rsid w:val="00805B2F"/>
    <w:rsid w:val="00810239"/>
    <w:rsid w:val="008112AA"/>
    <w:rsid w:val="00811F30"/>
    <w:rsid w:val="008122C6"/>
    <w:rsid w:val="008143B7"/>
    <w:rsid w:val="0081495B"/>
    <w:rsid w:val="00817151"/>
    <w:rsid w:val="00817832"/>
    <w:rsid w:val="00822374"/>
    <w:rsid w:val="00825FF6"/>
    <w:rsid w:val="008276FF"/>
    <w:rsid w:val="00831F20"/>
    <w:rsid w:val="00834CD7"/>
    <w:rsid w:val="00834CF5"/>
    <w:rsid w:val="00834D24"/>
    <w:rsid w:val="0083635A"/>
    <w:rsid w:val="00837DE6"/>
    <w:rsid w:val="00837E9C"/>
    <w:rsid w:val="00840064"/>
    <w:rsid w:val="008412A5"/>
    <w:rsid w:val="00842107"/>
    <w:rsid w:val="008427C9"/>
    <w:rsid w:val="00843A4B"/>
    <w:rsid w:val="0084422B"/>
    <w:rsid w:val="0085053D"/>
    <w:rsid w:val="008510C7"/>
    <w:rsid w:val="00852051"/>
    <w:rsid w:val="0085396E"/>
    <w:rsid w:val="008543DC"/>
    <w:rsid w:val="008551D9"/>
    <w:rsid w:val="00855362"/>
    <w:rsid w:val="00855C0F"/>
    <w:rsid w:val="008576FE"/>
    <w:rsid w:val="008603F0"/>
    <w:rsid w:val="008625E0"/>
    <w:rsid w:val="008625EE"/>
    <w:rsid w:val="00863A76"/>
    <w:rsid w:val="00863B7A"/>
    <w:rsid w:val="00863E9F"/>
    <w:rsid w:val="0086689B"/>
    <w:rsid w:val="0086756B"/>
    <w:rsid w:val="00867D9E"/>
    <w:rsid w:val="00870D30"/>
    <w:rsid w:val="00870F7D"/>
    <w:rsid w:val="0087232F"/>
    <w:rsid w:val="00874D99"/>
    <w:rsid w:val="0087527E"/>
    <w:rsid w:val="00875887"/>
    <w:rsid w:val="00875F9D"/>
    <w:rsid w:val="00880A39"/>
    <w:rsid w:val="00882FA4"/>
    <w:rsid w:val="00883495"/>
    <w:rsid w:val="008835AD"/>
    <w:rsid w:val="00885F9C"/>
    <w:rsid w:val="00887BD1"/>
    <w:rsid w:val="008914B9"/>
    <w:rsid w:val="00892452"/>
    <w:rsid w:val="00893089"/>
    <w:rsid w:val="00895186"/>
    <w:rsid w:val="00895601"/>
    <w:rsid w:val="00897ABB"/>
    <w:rsid w:val="00897B58"/>
    <w:rsid w:val="008A07BE"/>
    <w:rsid w:val="008A0F77"/>
    <w:rsid w:val="008A1F58"/>
    <w:rsid w:val="008A2DE3"/>
    <w:rsid w:val="008A39DD"/>
    <w:rsid w:val="008A4456"/>
    <w:rsid w:val="008A48AD"/>
    <w:rsid w:val="008A7A28"/>
    <w:rsid w:val="008A7A89"/>
    <w:rsid w:val="008B28AF"/>
    <w:rsid w:val="008B3343"/>
    <w:rsid w:val="008B36DB"/>
    <w:rsid w:val="008B412D"/>
    <w:rsid w:val="008B467A"/>
    <w:rsid w:val="008B75ED"/>
    <w:rsid w:val="008C5799"/>
    <w:rsid w:val="008C7571"/>
    <w:rsid w:val="008D042D"/>
    <w:rsid w:val="008D426D"/>
    <w:rsid w:val="008D4450"/>
    <w:rsid w:val="008D55C1"/>
    <w:rsid w:val="008D7428"/>
    <w:rsid w:val="008D77EF"/>
    <w:rsid w:val="008D78F2"/>
    <w:rsid w:val="008E0607"/>
    <w:rsid w:val="008E0CBF"/>
    <w:rsid w:val="008E29CB"/>
    <w:rsid w:val="008E3D92"/>
    <w:rsid w:val="008E40E5"/>
    <w:rsid w:val="008E4D6D"/>
    <w:rsid w:val="008E5221"/>
    <w:rsid w:val="008E5814"/>
    <w:rsid w:val="008E68B3"/>
    <w:rsid w:val="008E6BFD"/>
    <w:rsid w:val="008F08CA"/>
    <w:rsid w:val="008F1768"/>
    <w:rsid w:val="008F1A36"/>
    <w:rsid w:val="008F1B51"/>
    <w:rsid w:val="008F20DF"/>
    <w:rsid w:val="008F22E4"/>
    <w:rsid w:val="008F36C0"/>
    <w:rsid w:val="008F37AE"/>
    <w:rsid w:val="008F47DD"/>
    <w:rsid w:val="008F74A1"/>
    <w:rsid w:val="008F758D"/>
    <w:rsid w:val="009007A2"/>
    <w:rsid w:val="009011FB"/>
    <w:rsid w:val="0090124C"/>
    <w:rsid w:val="00901C15"/>
    <w:rsid w:val="00901FC5"/>
    <w:rsid w:val="00903CBF"/>
    <w:rsid w:val="00905109"/>
    <w:rsid w:val="00906297"/>
    <w:rsid w:val="00906EDA"/>
    <w:rsid w:val="00907CFB"/>
    <w:rsid w:val="009112B8"/>
    <w:rsid w:val="009113AE"/>
    <w:rsid w:val="0091191A"/>
    <w:rsid w:val="00911C80"/>
    <w:rsid w:val="00912E9C"/>
    <w:rsid w:val="00915DE4"/>
    <w:rsid w:val="00916006"/>
    <w:rsid w:val="0091720E"/>
    <w:rsid w:val="00920603"/>
    <w:rsid w:val="0092083D"/>
    <w:rsid w:val="0092371B"/>
    <w:rsid w:val="00923AAE"/>
    <w:rsid w:val="00923DF8"/>
    <w:rsid w:val="009240C9"/>
    <w:rsid w:val="009240F5"/>
    <w:rsid w:val="00924798"/>
    <w:rsid w:val="00924CAF"/>
    <w:rsid w:val="009261DD"/>
    <w:rsid w:val="00927515"/>
    <w:rsid w:val="009309F0"/>
    <w:rsid w:val="00933605"/>
    <w:rsid w:val="0093419A"/>
    <w:rsid w:val="009342D1"/>
    <w:rsid w:val="0093678B"/>
    <w:rsid w:val="00937064"/>
    <w:rsid w:val="00940C4C"/>
    <w:rsid w:val="00942E7B"/>
    <w:rsid w:val="009437EB"/>
    <w:rsid w:val="00944524"/>
    <w:rsid w:val="009446A5"/>
    <w:rsid w:val="00946FDB"/>
    <w:rsid w:val="00947AE2"/>
    <w:rsid w:val="009511D5"/>
    <w:rsid w:val="009512DA"/>
    <w:rsid w:val="009513E3"/>
    <w:rsid w:val="009519EE"/>
    <w:rsid w:val="00952231"/>
    <w:rsid w:val="0095300C"/>
    <w:rsid w:val="009549C9"/>
    <w:rsid w:val="0095628D"/>
    <w:rsid w:val="00957B34"/>
    <w:rsid w:val="0096046F"/>
    <w:rsid w:val="0096074F"/>
    <w:rsid w:val="00960DF6"/>
    <w:rsid w:val="00961E44"/>
    <w:rsid w:val="00961F72"/>
    <w:rsid w:val="00963849"/>
    <w:rsid w:val="00965878"/>
    <w:rsid w:val="00966796"/>
    <w:rsid w:val="00971F06"/>
    <w:rsid w:val="00972D5A"/>
    <w:rsid w:val="009770AE"/>
    <w:rsid w:val="00980452"/>
    <w:rsid w:val="009815D9"/>
    <w:rsid w:val="00981A9A"/>
    <w:rsid w:val="009823BE"/>
    <w:rsid w:val="00983B8D"/>
    <w:rsid w:val="009867FA"/>
    <w:rsid w:val="00986C4F"/>
    <w:rsid w:val="00986DBA"/>
    <w:rsid w:val="00987F00"/>
    <w:rsid w:val="00991DFA"/>
    <w:rsid w:val="009922F7"/>
    <w:rsid w:val="009938E6"/>
    <w:rsid w:val="00993A4C"/>
    <w:rsid w:val="00993C01"/>
    <w:rsid w:val="00993E5F"/>
    <w:rsid w:val="0099416C"/>
    <w:rsid w:val="00994DFE"/>
    <w:rsid w:val="00995D89"/>
    <w:rsid w:val="0099628E"/>
    <w:rsid w:val="00997772"/>
    <w:rsid w:val="00997D22"/>
    <w:rsid w:val="009A03F0"/>
    <w:rsid w:val="009A0471"/>
    <w:rsid w:val="009A3469"/>
    <w:rsid w:val="009A3C51"/>
    <w:rsid w:val="009A497B"/>
    <w:rsid w:val="009B100B"/>
    <w:rsid w:val="009B17F0"/>
    <w:rsid w:val="009B28D7"/>
    <w:rsid w:val="009B421C"/>
    <w:rsid w:val="009B5FB0"/>
    <w:rsid w:val="009B6657"/>
    <w:rsid w:val="009B6C4A"/>
    <w:rsid w:val="009B7C1F"/>
    <w:rsid w:val="009C1137"/>
    <w:rsid w:val="009C2B71"/>
    <w:rsid w:val="009C3EF1"/>
    <w:rsid w:val="009C7C1E"/>
    <w:rsid w:val="009D1395"/>
    <w:rsid w:val="009D33A1"/>
    <w:rsid w:val="009D4543"/>
    <w:rsid w:val="009E0DCD"/>
    <w:rsid w:val="009E1271"/>
    <w:rsid w:val="009E1C9F"/>
    <w:rsid w:val="009E269C"/>
    <w:rsid w:val="009E2C22"/>
    <w:rsid w:val="009E54E9"/>
    <w:rsid w:val="009E657F"/>
    <w:rsid w:val="009E7A07"/>
    <w:rsid w:val="009F2B08"/>
    <w:rsid w:val="009F2B1D"/>
    <w:rsid w:val="009F2B98"/>
    <w:rsid w:val="009F35FC"/>
    <w:rsid w:val="009F4A69"/>
    <w:rsid w:val="009F4FF4"/>
    <w:rsid w:val="009F50AB"/>
    <w:rsid w:val="009F5124"/>
    <w:rsid w:val="009F5C4F"/>
    <w:rsid w:val="009F7A4D"/>
    <w:rsid w:val="00A01314"/>
    <w:rsid w:val="00A019C0"/>
    <w:rsid w:val="00A02C69"/>
    <w:rsid w:val="00A02DDF"/>
    <w:rsid w:val="00A05BF0"/>
    <w:rsid w:val="00A06680"/>
    <w:rsid w:val="00A068F9"/>
    <w:rsid w:val="00A06A0B"/>
    <w:rsid w:val="00A07535"/>
    <w:rsid w:val="00A10F4D"/>
    <w:rsid w:val="00A11000"/>
    <w:rsid w:val="00A1122D"/>
    <w:rsid w:val="00A120D4"/>
    <w:rsid w:val="00A21000"/>
    <w:rsid w:val="00A23A04"/>
    <w:rsid w:val="00A24157"/>
    <w:rsid w:val="00A252A3"/>
    <w:rsid w:val="00A26A31"/>
    <w:rsid w:val="00A26FBE"/>
    <w:rsid w:val="00A2779B"/>
    <w:rsid w:val="00A30C72"/>
    <w:rsid w:val="00A33700"/>
    <w:rsid w:val="00A343DD"/>
    <w:rsid w:val="00A4085E"/>
    <w:rsid w:val="00A46DA4"/>
    <w:rsid w:val="00A47629"/>
    <w:rsid w:val="00A5032D"/>
    <w:rsid w:val="00A50E43"/>
    <w:rsid w:val="00A52158"/>
    <w:rsid w:val="00A54F10"/>
    <w:rsid w:val="00A609C8"/>
    <w:rsid w:val="00A61C59"/>
    <w:rsid w:val="00A627FF"/>
    <w:rsid w:val="00A62A3C"/>
    <w:rsid w:val="00A63129"/>
    <w:rsid w:val="00A63C1D"/>
    <w:rsid w:val="00A64186"/>
    <w:rsid w:val="00A652D2"/>
    <w:rsid w:val="00A66311"/>
    <w:rsid w:val="00A66C13"/>
    <w:rsid w:val="00A66E6B"/>
    <w:rsid w:val="00A6715C"/>
    <w:rsid w:val="00A70DB8"/>
    <w:rsid w:val="00A713D0"/>
    <w:rsid w:val="00A718BE"/>
    <w:rsid w:val="00A72EEC"/>
    <w:rsid w:val="00A73225"/>
    <w:rsid w:val="00A7393E"/>
    <w:rsid w:val="00A77D58"/>
    <w:rsid w:val="00A77E57"/>
    <w:rsid w:val="00A80119"/>
    <w:rsid w:val="00A818D8"/>
    <w:rsid w:val="00A81BF9"/>
    <w:rsid w:val="00A839D2"/>
    <w:rsid w:val="00A84E4E"/>
    <w:rsid w:val="00A86636"/>
    <w:rsid w:val="00A86F6E"/>
    <w:rsid w:val="00A86FBB"/>
    <w:rsid w:val="00A871AF"/>
    <w:rsid w:val="00A918CB"/>
    <w:rsid w:val="00A925C6"/>
    <w:rsid w:val="00A92738"/>
    <w:rsid w:val="00A92C36"/>
    <w:rsid w:val="00A9373A"/>
    <w:rsid w:val="00AA00AB"/>
    <w:rsid w:val="00AA0223"/>
    <w:rsid w:val="00AA0651"/>
    <w:rsid w:val="00AA23E0"/>
    <w:rsid w:val="00AA3002"/>
    <w:rsid w:val="00AA3242"/>
    <w:rsid w:val="00AA36FC"/>
    <w:rsid w:val="00AA40E1"/>
    <w:rsid w:val="00AA44F8"/>
    <w:rsid w:val="00AA7819"/>
    <w:rsid w:val="00AA7F2E"/>
    <w:rsid w:val="00AB0CFA"/>
    <w:rsid w:val="00AB0CFC"/>
    <w:rsid w:val="00AB3C92"/>
    <w:rsid w:val="00AB57B6"/>
    <w:rsid w:val="00AB77CF"/>
    <w:rsid w:val="00AC218A"/>
    <w:rsid w:val="00AC2A74"/>
    <w:rsid w:val="00AC42ED"/>
    <w:rsid w:val="00AC4538"/>
    <w:rsid w:val="00AC4C6F"/>
    <w:rsid w:val="00AC4EAD"/>
    <w:rsid w:val="00AC5760"/>
    <w:rsid w:val="00AC78FF"/>
    <w:rsid w:val="00AC7FE8"/>
    <w:rsid w:val="00AD05F6"/>
    <w:rsid w:val="00AD1241"/>
    <w:rsid w:val="00AD330C"/>
    <w:rsid w:val="00AD3541"/>
    <w:rsid w:val="00AD53D4"/>
    <w:rsid w:val="00AD545B"/>
    <w:rsid w:val="00AD56AA"/>
    <w:rsid w:val="00AD7341"/>
    <w:rsid w:val="00AD7630"/>
    <w:rsid w:val="00AD7B0C"/>
    <w:rsid w:val="00AE0D67"/>
    <w:rsid w:val="00AE153B"/>
    <w:rsid w:val="00AE2727"/>
    <w:rsid w:val="00AE33AB"/>
    <w:rsid w:val="00AE3DCA"/>
    <w:rsid w:val="00AE3EC6"/>
    <w:rsid w:val="00AE473E"/>
    <w:rsid w:val="00AE52DC"/>
    <w:rsid w:val="00AE6E84"/>
    <w:rsid w:val="00AE715E"/>
    <w:rsid w:val="00AF03AC"/>
    <w:rsid w:val="00AF077B"/>
    <w:rsid w:val="00AF1738"/>
    <w:rsid w:val="00AF1EE3"/>
    <w:rsid w:val="00AF232B"/>
    <w:rsid w:val="00AF6F25"/>
    <w:rsid w:val="00AF7DCA"/>
    <w:rsid w:val="00B00543"/>
    <w:rsid w:val="00B010E2"/>
    <w:rsid w:val="00B0152E"/>
    <w:rsid w:val="00B01B8F"/>
    <w:rsid w:val="00B028E2"/>
    <w:rsid w:val="00B03418"/>
    <w:rsid w:val="00B03810"/>
    <w:rsid w:val="00B07292"/>
    <w:rsid w:val="00B074DC"/>
    <w:rsid w:val="00B110B1"/>
    <w:rsid w:val="00B11450"/>
    <w:rsid w:val="00B11647"/>
    <w:rsid w:val="00B119D2"/>
    <w:rsid w:val="00B141DA"/>
    <w:rsid w:val="00B157A7"/>
    <w:rsid w:val="00B16F3D"/>
    <w:rsid w:val="00B17714"/>
    <w:rsid w:val="00B203E0"/>
    <w:rsid w:val="00B20D8C"/>
    <w:rsid w:val="00B21050"/>
    <w:rsid w:val="00B22596"/>
    <w:rsid w:val="00B22787"/>
    <w:rsid w:val="00B22C7E"/>
    <w:rsid w:val="00B2485D"/>
    <w:rsid w:val="00B24B72"/>
    <w:rsid w:val="00B254CA"/>
    <w:rsid w:val="00B26723"/>
    <w:rsid w:val="00B26DD9"/>
    <w:rsid w:val="00B26F47"/>
    <w:rsid w:val="00B27BC1"/>
    <w:rsid w:val="00B3097C"/>
    <w:rsid w:val="00B32A22"/>
    <w:rsid w:val="00B336DC"/>
    <w:rsid w:val="00B33C00"/>
    <w:rsid w:val="00B35DDC"/>
    <w:rsid w:val="00B368C0"/>
    <w:rsid w:val="00B43D9D"/>
    <w:rsid w:val="00B50A13"/>
    <w:rsid w:val="00B52666"/>
    <w:rsid w:val="00B541F9"/>
    <w:rsid w:val="00B54A96"/>
    <w:rsid w:val="00B54BAB"/>
    <w:rsid w:val="00B56BD5"/>
    <w:rsid w:val="00B614FA"/>
    <w:rsid w:val="00B6203A"/>
    <w:rsid w:val="00B63DE9"/>
    <w:rsid w:val="00B647D6"/>
    <w:rsid w:val="00B64E6E"/>
    <w:rsid w:val="00B669BB"/>
    <w:rsid w:val="00B70227"/>
    <w:rsid w:val="00B711B9"/>
    <w:rsid w:val="00B725C5"/>
    <w:rsid w:val="00B73194"/>
    <w:rsid w:val="00B74B61"/>
    <w:rsid w:val="00B7527C"/>
    <w:rsid w:val="00B768FB"/>
    <w:rsid w:val="00B76952"/>
    <w:rsid w:val="00B76994"/>
    <w:rsid w:val="00B778F5"/>
    <w:rsid w:val="00B77F44"/>
    <w:rsid w:val="00B80A06"/>
    <w:rsid w:val="00B83BB8"/>
    <w:rsid w:val="00B84CF1"/>
    <w:rsid w:val="00B85318"/>
    <w:rsid w:val="00B93830"/>
    <w:rsid w:val="00B94781"/>
    <w:rsid w:val="00B95413"/>
    <w:rsid w:val="00B95478"/>
    <w:rsid w:val="00B95E2F"/>
    <w:rsid w:val="00B95F2F"/>
    <w:rsid w:val="00B97C0E"/>
    <w:rsid w:val="00BA0A3A"/>
    <w:rsid w:val="00BA1587"/>
    <w:rsid w:val="00BA23E4"/>
    <w:rsid w:val="00BA324A"/>
    <w:rsid w:val="00BA3981"/>
    <w:rsid w:val="00BA3A98"/>
    <w:rsid w:val="00BA6D36"/>
    <w:rsid w:val="00BA7E10"/>
    <w:rsid w:val="00BB0232"/>
    <w:rsid w:val="00BB1260"/>
    <w:rsid w:val="00BB1546"/>
    <w:rsid w:val="00BB2758"/>
    <w:rsid w:val="00BB42C8"/>
    <w:rsid w:val="00BB5033"/>
    <w:rsid w:val="00BB50FE"/>
    <w:rsid w:val="00BB5D6A"/>
    <w:rsid w:val="00BC08D9"/>
    <w:rsid w:val="00BC1C3B"/>
    <w:rsid w:val="00BC264A"/>
    <w:rsid w:val="00BC2C37"/>
    <w:rsid w:val="00BC7C1B"/>
    <w:rsid w:val="00BD0760"/>
    <w:rsid w:val="00BD4762"/>
    <w:rsid w:val="00BD5772"/>
    <w:rsid w:val="00BD6269"/>
    <w:rsid w:val="00BD6576"/>
    <w:rsid w:val="00BE04BA"/>
    <w:rsid w:val="00BE0ADF"/>
    <w:rsid w:val="00BE1088"/>
    <w:rsid w:val="00BE19DF"/>
    <w:rsid w:val="00BE2D55"/>
    <w:rsid w:val="00BE427A"/>
    <w:rsid w:val="00BE4788"/>
    <w:rsid w:val="00BF3260"/>
    <w:rsid w:val="00BF3AD7"/>
    <w:rsid w:val="00BF75D3"/>
    <w:rsid w:val="00BF7AAD"/>
    <w:rsid w:val="00C01A2B"/>
    <w:rsid w:val="00C0216F"/>
    <w:rsid w:val="00C04B36"/>
    <w:rsid w:val="00C064B2"/>
    <w:rsid w:val="00C07D6C"/>
    <w:rsid w:val="00C16298"/>
    <w:rsid w:val="00C17036"/>
    <w:rsid w:val="00C17527"/>
    <w:rsid w:val="00C213E5"/>
    <w:rsid w:val="00C21907"/>
    <w:rsid w:val="00C23E0B"/>
    <w:rsid w:val="00C24B74"/>
    <w:rsid w:val="00C24D15"/>
    <w:rsid w:val="00C3248A"/>
    <w:rsid w:val="00C32D2F"/>
    <w:rsid w:val="00C340E1"/>
    <w:rsid w:val="00C343D7"/>
    <w:rsid w:val="00C35BBE"/>
    <w:rsid w:val="00C366B3"/>
    <w:rsid w:val="00C36707"/>
    <w:rsid w:val="00C374DC"/>
    <w:rsid w:val="00C40431"/>
    <w:rsid w:val="00C42405"/>
    <w:rsid w:val="00C45058"/>
    <w:rsid w:val="00C46354"/>
    <w:rsid w:val="00C47DAC"/>
    <w:rsid w:val="00C50967"/>
    <w:rsid w:val="00C5249D"/>
    <w:rsid w:val="00C52571"/>
    <w:rsid w:val="00C52FD0"/>
    <w:rsid w:val="00C57AD1"/>
    <w:rsid w:val="00C61B4B"/>
    <w:rsid w:val="00C62DC8"/>
    <w:rsid w:val="00C63CE3"/>
    <w:rsid w:val="00C6522E"/>
    <w:rsid w:val="00C66335"/>
    <w:rsid w:val="00C66614"/>
    <w:rsid w:val="00C67334"/>
    <w:rsid w:val="00C714D6"/>
    <w:rsid w:val="00C72475"/>
    <w:rsid w:val="00C737F8"/>
    <w:rsid w:val="00C74A02"/>
    <w:rsid w:val="00C761F7"/>
    <w:rsid w:val="00C76A04"/>
    <w:rsid w:val="00C77000"/>
    <w:rsid w:val="00C7722E"/>
    <w:rsid w:val="00C777E6"/>
    <w:rsid w:val="00C77997"/>
    <w:rsid w:val="00C77E1C"/>
    <w:rsid w:val="00C81464"/>
    <w:rsid w:val="00C817DD"/>
    <w:rsid w:val="00C81E96"/>
    <w:rsid w:val="00C81EC4"/>
    <w:rsid w:val="00C83800"/>
    <w:rsid w:val="00C851DB"/>
    <w:rsid w:val="00C859D5"/>
    <w:rsid w:val="00C86300"/>
    <w:rsid w:val="00C87867"/>
    <w:rsid w:val="00C90005"/>
    <w:rsid w:val="00C90F9E"/>
    <w:rsid w:val="00C91DF8"/>
    <w:rsid w:val="00C92A4B"/>
    <w:rsid w:val="00C9327D"/>
    <w:rsid w:val="00C93BE5"/>
    <w:rsid w:val="00C9585D"/>
    <w:rsid w:val="00CA0C76"/>
    <w:rsid w:val="00CA1785"/>
    <w:rsid w:val="00CA2E12"/>
    <w:rsid w:val="00CA2F6D"/>
    <w:rsid w:val="00CA429D"/>
    <w:rsid w:val="00CA6415"/>
    <w:rsid w:val="00CA7027"/>
    <w:rsid w:val="00CB2022"/>
    <w:rsid w:val="00CB49E5"/>
    <w:rsid w:val="00CB6CE4"/>
    <w:rsid w:val="00CB7700"/>
    <w:rsid w:val="00CC3786"/>
    <w:rsid w:val="00CC3FC7"/>
    <w:rsid w:val="00CC4B85"/>
    <w:rsid w:val="00CC67EF"/>
    <w:rsid w:val="00CC722B"/>
    <w:rsid w:val="00CD10BC"/>
    <w:rsid w:val="00CD19FD"/>
    <w:rsid w:val="00CD3409"/>
    <w:rsid w:val="00CD4475"/>
    <w:rsid w:val="00CD477D"/>
    <w:rsid w:val="00CD5EBE"/>
    <w:rsid w:val="00CD635D"/>
    <w:rsid w:val="00CD7054"/>
    <w:rsid w:val="00CD7186"/>
    <w:rsid w:val="00CD7898"/>
    <w:rsid w:val="00CE0CFA"/>
    <w:rsid w:val="00CE2867"/>
    <w:rsid w:val="00CE34F6"/>
    <w:rsid w:val="00CE3877"/>
    <w:rsid w:val="00CE579E"/>
    <w:rsid w:val="00CF0D09"/>
    <w:rsid w:val="00CF0EDA"/>
    <w:rsid w:val="00CF3348"/>
    <w:rsid w:val="00CF38CF"/>
    <w:rsid w:val="00CF399B"/>
    <w:rsid w:val="00CF4413"/>
    <w:rsid w:val="00CF44CC"/>
    <w:rsid w:val="00D00084"/>
    <w:rsid w:val="00D00CCC"/>
    <w:rsid w:val="00D01374"/>
    <w:rsid w:val="00D01CFB"/>
    <w:rsid w:val="00D02C1F"/>
    <w:rsid w:val="00D042A9"/>
    <w:rsid w:val="00D04B8E"/>
    <w:rsid w:val="00D055C5"/>
    <w:rsid w:val="00D07609"/>
    <w:rsid w:val="00D10C3B"/>
    <w:rsid w:val="00D14CD9"/>
    <w:rsid w:val="00D16E74"/>
    <w:rsid w:val="00D16EE4"/>
    <w:rsid w:val="00D16FCB"/>
    <w:rsid w:val="00D20B27"/>
    <w:rsid w:val="00D24272"/>
    <w:rsid w:val="00D249AE"/>
    <w:rsid w:val="00D259C6"/>
    <w:rsid w:val="00D2613C"/>
    <w:rsid w:val="00D26A67"/>
    <w:rsid w:val="00D26C13"/>
    <w:rsid w:val="00D2723A"/>
    <w:rsid w:val="00D278D6"/>
    <w:rsid w:val="00D27C68"/>
    <w:rsid w:val="00D300C6"/>
    <w:rsid w:val="00D31321"/>
    <w:rsid w:val="00D3156D"/>
    <w:rsid w:val="00D3371F"/>
    <w:rsid w:val="00D340FA"/>
    <w:rsid w:val="00D34A5A"/>
    <w:rsid w:val="00D37401"/>
    <w:rsid w:val="00D37794"/>
    <w:rsid w:val="00D37AD3"/>
    <w:rsid w:val="00D40759"/>
    <w:rsid w:val="00D4127A"/>
    <w:rsid w:val="00D41507"/>
    <w:rsid w:val="00D41C70"/>
    <w:rsid w:val="00D43A10"/>
    <w:rsid w:val="00D522D0"/>
    <w:rsid w:val="00D527C5"/>
    <w:rsid w:val="00D52A2B"/>
    <w:rsid w:val="00D53C6A"/>
    <w:rsid w:val="00D53D1C"/>
    <w:rsid w:val="00D55236"/>
    <w:rsid w:val="00D56A9B"/>
    <w:rsid w:val="00D57202"/>
    <w:rsid w:val="00D61070"/>
    <w:rsid w:val="00D61B86"/>
    <w:rsid w:val="00D6312D"/>
    <w:rsid w:val="00D63D96"/>
    <w:rsid w:val="00D63FEA"/>
    <w:rsid w:val="00D64364"/>
    <w:rsid w:val="00D64C88"/>
    <w:rsid w:val="00D65B6C"/>
    <w:rsid w:val="00D718E4"/>
    <w:rsid w:val="00D74A7F"/>
    <w:rsid w:val="00D75430"/>
    <w:rsid w:val="00D757BB"/>
    <w:rsid w:val="00D77791"/>
    <w:rsid w:val="00D81BE9"/>
    <w:rsid w:val="00D86C9A"/>
    <w:rsid w:val="00D92446"/>
    <w:rsid w:val="00D92904"/>
    <w:rsid w:val="00D92B18"/>
    <w:rsid w:val="00D92CD4"/>
    <w:rsid w:val="00D938B6"/>
    <w:rsid w:val="00D9562D"/>
    <w:rsid w:val="00DA0077"/>
    <w:rsid w:val="00DA057B"/>
    <w:rsid w:val="00DA1632"/>
    <w:rsid w:val="00DA1F03"/>
    <w:rsid w:val="00DA2805"/>
    <w:rsid w:val="00DA33BE"/>
    <w:rsid w:val="00DA4CF1"/>
    <w:rsid w:val="00DA5A0A"/>
    <w:rsid w:val="00DA7E01"/>
    <w:rsid w:val="00DB1092"/>
    <w:rsid w:val="00DB11A2"/>
    <w:rsid w:val="00DB1DC2"/>
    <w:rsid w:val="00DB2353"/>
    <w:rsid w:val="00DB408D"/>
    <w:rsid w:val="00DB4437"/>
    <w:rsid w:val="00DB45E3"/>
    <w:rsid w:val="00DC1530"/>
    <w:rsid w:val="00DC3876"/>
    <w:rsid w:val="00DC3927"/>
    <w:rsid w:val="00DC42A3"/>
    <w:rsid w:val="00DC5ECC"/>
    <w:rsid w:val="00DC73A7"/>
    <w:rsid w:val="00DC73C8"/>
    <w:rsid w:val="00DC77F7"/>
    <w:rsid w:val="00DD3009"/>
    <w:rsid w:val="00DD5547"/>
    <w:rsid w:val="00DD7460"/>
    <w:rsid w:val="00DE04F7"/>
    <w:rsid w:val="00DE0F7B"/>
    <w:rsid w:val="00DE101D"/>
    <w:rsid w:val="00DE16CD"/>
    <w:rsid w:val="00DE2785"/>
    <w:rsid w:val="00DE2C67"/>
    <w:rsid w:val="00DE36EB"/>
    <w:rsid w:val="00DE3E19"/>
    <w:rsid w:val="00DE4758"/>
    <w:rsid w:val="00DE4A4C"/>
    <w:rsid w:val="00DE5DB1"/>
    <w:rsid w:val="00DE7028"/>
    <w:rsid w:val="00DE798D"/>
    <w:rsid w:val="00DE7BF0"/>
    <w:rsid w:val="00DF01FC"/>
    <w:rsid w:val="00DF1858"/>
    <w:rsid w:val="00DF1E12"/>
    <w:rsid w:val="00DF23C1"/>
    <w:rsid w:val="00DF3BA6"/>
    <w:rsid w:val="00DF4C2D"/>
    <w:rsid w:val="00DF5312"/>
    <w:rsid w:val="00DF7756"/>
    <w:rsid w:val="00E009A3"/>
    <w:rsid w:val="00E00B78"/>
    <w:rsid w:val="00E010EE"/>
    <w:rsid w:val="00E02928"/>
    <w:rsid w:val="00E12537"/>
    <w:rsid w:val="00E166E8"/>
    <w:rsid w:val="00E16A1F"/>
    <w:rsid w:val="00E16E9C"/>
    <w:rsid w:val="00E17353"/>
    <w:rsid w:val="00E1758E"/>
    <w:rsid w:val="00E205C6"/>
    <w:rsid w:val="00E223BD"/>
    <w:rsid w:val="00E22AE7"/>
    <w:rsid w:val="00E22F80"/>
    <w:rsid w:val="00E2340C"/>
    <w:rsid w:val="00E23B0D"/>
    <w:rsid w:val="00E23C02"/>
    <w:rsid w:val="00E23F77"/>
    <w:rsid w:val="00E27A69"/>
    <w:rsid w:val="00E27F95"/>
    <w:rsid w:val="00E300AA"/>
    <w:rsid w:val="00E30C75"/>
    <w:rsid w:val="00E30E40"/>
    <w:rsid w:val="00E3131A"/>
    <w:rsid w:val="00E32880"/>
    <w:rsid w:val="00E32CB8"/>
    <w:rsid w:val="00E346D7"/>
    <w:rsid w:val="00E351D9"/>
    <w:rsid w:val="00E35B0E"/>
    <w:rsid w:val="00E36303"/>
    <w:rsid w:val="00E369C4"/>
    <w:rsid w:val="00E40517"/>
    <w:rsid w:val="00E40DD8"/>
    <w:rsid w:val="00E40EB6"/>
    <w:rsid w:val="00E43970"/>
    <w:rsid w:val="00E44C36"/>
    <w:rsid w:val="00E47929"/>
    <w:rsid w:val="00E501A6"/>
    <w:rsid w:val="00E50CDB"/>
    <w:rsid w:val="00E523D2"/>
    <w:rsid w:val="00E5288F"/>
    <w:rsid w:val="00E53F23"/>
    <w:rsid w:val="00E552F1"/>
    <w:rsid w:val="00E55EC3"/>
    <w:rsid w:val="00E565A5"/>
    <w:rsid w:val="00E575D7"/>
    <w:rsid w:val="00E60246"/>
    <w:rsid w:val="00E60B8F"/>
    <w:rsid w:val="00E6144A"/>
    <w:rsid w:val="00E6169B"/>
    <w:rsid w:val="00E62162"/>
    <w:rsid w:val="00E63D37"/>
    <w:rsid w:val="00E65DF1"/>
    <w:rsid w:val="00E67257"/>
    <w:rsid w:val="00E72D34"/>
    <w:rsid w:val="00E7461B"/>
    <w:rsid w:val="00E7610B"/>
    <w:rsid w:val="00E77877"/>
    <w:rsid w:val="00E80D7C"/>
    <w:rsid w:val="00E83BD0"/>
    <w:rsid w:val="00E84822"/>
    <w:rsid w:val="00E8580F"/>
    <w:rsid w:val="00E86FF9"/>
    <w:rsid w:val="00E918E2"/>
    <w:rsid w:val="00E928B1"/>
    <w:rsid w:val="00E93E7E"/>
    <w:rsid w:val="00E96E9C"/>
    <w:rsid w:val="00E977C3"/>
    <w:rsid w:val="00EA0ADD"/>
    <w:rsid w:val="00EA1D9F"/>
    <w:rsid w:val="00EA215F"/>
    <w:rsid w:val="00EA35FF"/>
    <w:rsid w:val="00EA5ECF"/>
    <w:rsid w:val="00EA620B"/>
    <w:rsid w:val="00EA6904"/>
    <w:rsid w:val="00EA6D8C"/>
    <w:rsid w:val="00EB0B05"/>
    <w:rsid w:val="00EB0C38"/>
    <w:rsid w:val="00EB0D0E"/>
    <w:rsid w:val="00EB221A"/>
    <w:rsid w:val="00EB2E3D"/>
    <w:rsid w:val="00EB32A4"/>
    <w:rsid w:val="00EB349A"/>
    <w:rsid w:val="00EB462D"/>
    <w:rsid w:val="00EB54B9"/>
    <w:rsid w:val="00EB59CF"/>
    <w:rsid w:val="00EB5AE6"/>
    <w:rsid w:val="00EB6463"/>
    <w:rsid w:val="00EC0E36"/>
    <w:rsid w:val="00EC321A"/>
    <w:rsid w:val="00EC388A"/>
    <w:rsid w:val="00EC46DC"/>
    <w:rsid w:val="00EC48B4"/>
    <w:rsid w:val="00EC6423"/>
    <w:rsid w:val="00EC6841"/>
    <w:rsid w:val="00ED1F17"/>
    <w:rsid w:val="00ED3517"/>
    <w:rsid w:val="00ED41F5"/>
    <w:rsid w:val="00ED6AF6"/>
    <w:rsid w:val="00ED6EF7"/>
    <w:rsid w:val="00ED7835"/>
    <w:rsid w:val="00EE117C"/>
    <w:rsid w:val="00EE11B9"/>
    <w:rsid w:val="00EE11E7"/>
    <w:rsid w:val="00EE1CBF"/>
    <w:rsid w:val="00EE1EBC"/>
    <w:rsid w:val="00EE5594"/>
    <w:rsid w:val="00EE5E61"/>
    <w:rsid w:val="00EE61B5"/>
    <w:rsid w:val="00EE7DEC"/>
    <w:rsid w:val="00EF083E"/>
    <w:rsid w:val="00EF2820"/>
    <w:rsid w:val="00EF5AF5"/>
    <w:rsid w:val="00EF63BE"/>
    <w:rsid w:val="00EF7D44"/>
    <w:rsid w:val="00F00A3D"/>
    <w:rsid w:val="00F01168"/>
    <w:rsid w:val="00F01303"/>
    <w:rsid w:val="00F01BA2"/>
    <w:rsid w:val="00F01E67"/>
    <w:rsid w:val="00F024B7"/>
    <w:rsid w:val="00F02E03"/>
    <w:rsid w:val="00F02F0E"/>
    <w:rsid w:val="00F03510"/>
    <w:rsid w:val="00F038B5"/>
    <w:rsid w:val="00F0512A"/>
    <w:rsid w:val="00F05CBC"/>
    <w:rsid w:val="00F06E08"/>
    <w:rsid w:val="00F07619"/>
    <w:rsid w:val="00F079FB"/>
    <w:rsid w:val="00F10EC6"/>
    <w:rsid w:val="00F12DC5"/>
    <w:rsid w:val="00F15501"/>
    <w:rsid w:val="00F15956"/>
    <w:rsid w:val="00F1680C"/>
    <w:rsid w:val="00F16DC1"/>
    <w:rsid w:val="00F179F8"/>
    <w:rsid w:val="00F17BD1"/>
    <w:rsid w:val="00F2347F"/>
    <w:rsid w:val="00F26305"/>
    <w:rsid w:val="00F31286"/>
    <w:rsid w:val="00F32FCD"/>
    <w:rsid w:val="00F33612"/>
    <w:rsid w:val="00F34F3A"/>
    <w:rsid w:val="00F35A98"/>
    <w:rsid w:val="00F36366"/>
    <w:rsid w:val="00F36C77"/>
    <w:rsid w:val="00F3763F"/>
    <w:rsid w:val="00F40331"/>
    <w:rsid w:val="00F41B84"/>
    <w:rsid w:val="00F41BF4"/>
    <w:rsid w:val="00F41F1D"/>
    <w:rsid w:val="00F42A24"/>
    <w:rsid w:val="00F4334F"/>
    <w:rsid w:val="00F4396A"/>
    <w:rsid w:val="00F4490B"/>
    <w:rsid w:val="00F455D6"/>
    <w:rsid w:val="00F460EE"/>
    <w:rsid w:val="00F4643C"/>
    <w:rsid w:val="00F47D8F"/>
    <w:rsid w:val="00F51B6B"/>
    <w:rsid w:val="00F53513"/>
    <w:rsid w:val="00F53729"/>
    <w:rsid w:val="00F53785"/>
    <w:rsid w:val="00F54D24"/>
    <w:rsid w:val="00F55D0C"/>
    <w:rsid w:val="00F5706C"/>
    <w:rsid w:val="00F57655"/>
    <w:rsid w:val="00F60364"/>
    <w:rsid w:val="00F62B18"/>
    <w:rsid w:val="00F62B8D"/>
    <w:rsid w:val="00F65C74"/>
    <w:rsid w:val="00F670F9"/>
    <w:rsid w:val="00F6720E"/>
    <w:rsid w:val="00F672A5"/>
    <w:rsid w:val="00F703CD"/>
    <w:rsid w:val="00F72537"/>
    <w:rsid w:val="00F745CB"/>
    <w:rsid w:val="00F75990"/>
    <w:rsid w:val="00F75C49"/>
    <w:rsid w:val="00F76110"/>
    <w:rsid w:val="00F769F9"/>
    <w:rsid w:val="00F774E1"/>
    <w:rsid w:val="00F77D03"/>
    <w:rsid w:val="00F80656"/>
    <w:rsid w:val="00F80C7A"/>
    <w:rsid w:val="00F81497"/>
    <w:rsid w:val="00F82971"/>
    <w:rsid w:val="00F83970"/>
    <w:rsid w:val="00F83C7D"/>
    <w:rsid w:val="00F841C6"/>
    <w:rsid w:val="00F843DC"/>
    <w:rsid w:val="00F844A6"/>
    <w:rsid w:val="00F84B59"/>
    <w:rsid w:val="00F8605E"/>
    <w:rsid w:val="00F8655D"/>
    <w:rsid w:val="00F87894"/>
    <w:rsid w:val="00F90327"/>
    <w:rsid w:val="00F90866"/>
    <w:rsid w:val="00F90B97"/>
    <w:rsid w:val="00F91574"/>
    <w:rsid w:val="00F91D4B"/>
    <w:rsid w:val="00F92F8D"/>
    <w:rsid w:val="00F93673"/>
    <w:rsid w:val="00F95006"/>
    <w:rsid w:val="00F964FB"/>
    <w:rsid w:val="00F965C2"/>
    <w:rsid w:val="00F976B4"/>
    <w:rsid w:val="00FA0A3D"/>
    <w:rsid w:val="00FA4801"/>
    <w:rsid w:val="00FA5201"/>
    <w:rsid w:val="00FA5ADB"/>
    <w:rsid w:val="00FA5B5F"/>
    <w:rsid w:val="00FA5D4A"/>
    <w:rsid w:val="00FA62E0"/>
    <w:rsid w:val="00FA71A5"/>
    <w:rsid w:val="00FA7CCC"/>
    <w:rsid w:val="00FB1194"/>
    <w:rsid w:val="00FB122D"/>
    <w:rsid w:val="00FB250D"/>
    <w:rsid w:val="00FB5BDA"/>
    <w:rsid w:val="00FB6FFA"/>
    <w:rsid w:val="00FB7BAA"/>
    <w:rsid w:val="00FC1483"/>
    <w:rsid w:val="00FC170D"/>
    <w:rsid w:val="00FC1DFF"/>
    <w:rsid w:val="00FC3750"/>
    <w:rsid w:val="00FC4067"/>
    <w:rsid w:val="00FC4F01"/>
    <w:rsid w:val="00FC67E8"/>
    <w:rsid w:val="00FC6B65"/>
    <w:rsid w:val="00FD0879"/>
    <w:rsid w:val="00FD1921"/>
    <w:rsid w:val="00FD1D73"/>
    <w:rsid w:val="00FD244A"/>
    <w:rsid w:val="00FD4D59"/>
    <w:rsid w:val="00FD5391"/>
    <w:rsid w:val="00FD5F92"/>
    <w:rsid w:val="00FD6081"/>
    <w:rsid w:val="00FD6A88"/>
    <w:rsid w:val="00FD6DB3"/>
    <w:rsid w:val="00FD71FF"/>
    <w:rsid w:val="00FD7321"/>
    <w:rsid w:val="00FE0582"/>
    <w:rsid w:val="00FE13CC"/>
    <w:rsid w:val="00FE14E0"/>
    <w:rsid w:val="00FE204F"/>
    <w:rsid w:val="00FE4A5C"/>
    <w:rsid w:val="00FE66F0"/>
    <w:rsid w:val="00FE6A6F"/>
    <w:rsid w:val="00FE7467"/>
    <w:rsid w:val="00FE7812"/>
    <w:rsid w:val="00FE7B0D"/>
    <w:rsid w:val="00FF2E10"/>
    <w:rsid w:val="00FF3F7A"/>
    <w:rsid w:val="00FF5C8B"/>
    <w:rsid w:val="00FF64DA"/>
    <w:rsid w:val="00FF6EEE"/>
    <w:rsid w:val="00FF7599"/>
    <w:rsid w:val="00FF7E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Hyperlink" w:uiPriority="0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ny">
    <w:name w:val="Normal"/>
    <w:qFormat/>
    <w:rsid w:val="00167188"/>
    <w:rPr>
      <w:rFonts w:ascii="Calibri" w:eastAsia="Calibri" w:hAnsi="Calibri" w:cs="Times New Roman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Nagwek">
    <w:name w:val="header"/>
    <w:basedOn w:val="Normalny"/>
    <w:link w:val="NagwekZnak"/>
    <w:uiPriority w:val="99"/>
    <w:unhideWhenUsed/>
    <w:rsid w:val="0016718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NagwekZnak">
    <w:name w:val="Nagłówek Znak"/>
    <w:basedOn w:val="Domylnaczcionkaakapitu"/>
    <w:link w:val="Nagwek"/>
    <w:uiPriority w:val="99"/>
    <w:rsid w:val="00167188"/>
    <w:rPr>
      <w:rFonts w:ascii="Calibri" w:eastAsia="Calibri" w:hAnsi="Calibri" w:cs="Times New Roman"/>
    </w:rPr>
  </w:style>
  <w:style w:type="paragraph" w:styleId="Stopka">
    <w:name w:val="footer"/>
    <w:basedOn w:val="Normalny"/>
    <w:link w:val="StopkaZnak"/>
    <w:uiPriority w:val="99"/>
    <w:unhideWhenUsed/>
    <w:rsid w:val="0016718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StopkaZnak">
    <w:name w:val="Stopka Znak"/>
    <w:basedOn w:val="Domylnaczcionkaakapitu"/>
    <w:link w:val="Stopka"/>
    <w:uiPriority w:val="99"/>
    <w:rsid w:val="00167188"/>
    <w:rPr>
      <w:rFonts w:ascii="Calibri" w:eastAsia="Calibri" w:hAnsi="Calibri" w:cs="Times New Roman"/>
    </w:rPr>
  </w:style>
  <w:style w:type="character" w:styleId="Hipercze">
    <w:name w:val="Hyperlink"/>
    <w:rsid w:val="00167188"/>
    <w:rPr>
      <w:color w:val="0000FF"/>
      <w:u w:val="single"/>
    </w:rPr>
  </w:style>
  <w:style w:type="paragraph" w:customStyle="1" w:styleId="akapit4">
    <w:name w:val="akapit4"/>
    <w:basedOn w:val="Normalny"/>
    <w:rsid w:val="00167188"/>
    <w:pPr>
      <w:spacing w:before="100" w:beforeAutospacing="1" w:after="100" w:afterAutospacing="1" w:line="240" w:lineRule="auto"/>
    </w:pPr>
    <w:rPr>
      <w:rFonts w:ascii="Times New Roman" w:eastAsia="Times New Roman" w:hAnsi="Times New Roman"/>
      <w:sz w:val="24"/>
      <w:szCs w:val="24"/>
      <w:lang w:eastAsia="pl-PL"/>
    </w:rPr>
  </w:style>
  <w:style w:type="paragraph" w:styleId="Akapitzlist">
    <w:name w:val="List Paragraph"/>
    <w:basedOn w:val="Normalny"/>
    <w:uiPriority w:val="34"/>
    <w:qFormat/>
    <w:rsid w:val="00167188"/>
    <w:pPr>
      <w:ind w:left="720"/>
      <w:contextualSpacing/>
    </w:pPr>
  </w:style>
  <w:style w:type="paragraph" w:styleId="Tekstdymka">
    <w:name w:val="Balloon Text"/>
    <w:basedOn w:val="Normalny"/>
    <w:link w:val="TekstdymkaZnak"/>
    <w:uiPriority w:val="99"/>
    <w:semiHidden/>
    <w:unhideWhenUsed/>
    <w:rsid w:val="0016718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167188"/>
    <w:rPr>
      <w:rFonts w:ascii="Tahoma" w:eastAsia="Calibri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Hyperlink" w:uiPriority="0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ny">
    <w:name w:val="Normal"/>
    <w:qFormat/>
    <w:rsid w:val="00167188"/>
    <w:rPr>
      <w:rFonts w:ascii="Calibri" w:eastAsia="Calibri" w:hAnsi="Calibri" w:cs="Times New Roman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Nagwek">
    <w:name w:val="header"/>
    <w:basedOn w:val="Normalny"/>
    <w:link w:val="NagwekZnak"/>
    <w:uiPriority w:val="99"/>
    <w:unhideWhenUsed/>
    <w:rsid w:val="0016718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NagwekZnak">
    <w:name w:val="Nagłówek Znak"/>
    <w:basedOn w:val="Domylnaczcionkaakapitu"/>
    <w:link w:val="Nagwek"/>
    <w:uiPriority w:val="99"/>
    <w:rsid w:val="00167188"/>
    <w:rPr>
      <w:rFonts w:ascii="Calibri" w:eastAsia="Calibri" w:hAnsi="Calibri" w:cs="Times New Roman"/>
    </w:rPr>
  </w:style>
  <w:style w:type="paragraph" w:styleId="Stopka">
    <w:name w:val="footer"/>
    <w:basedOn w:val="Normalny"/>
    <w:link w:val="StopkaZnak"/>
    <w:uiPriority w:val="99"/>
    <w:unhideWhenUsed/>
    <w:rsid w:val="0016718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StopkaZnak">
    <w:name w:val="Stopka Znak"/>
    <w:basedOn w:val="Domylnaczcionkaakapitu"/>
    <w:link w:val="Stopka"/>
    <w:uiPriority w:val="99"/>
    <w:rsid w:val="00167188"/>
    <w:rPr>
      <w:rFonts w:ascii="Calibri" w:eastAsia="Calibri" w:hAnsi="Calibri" w:cs="Times New Roman"/>
    </w:rPr>
  </w:style>
  <w:style w:type="character" w:styleId="Hipercze">
    <w:name w:val="Hyperlink"/>
    <w:rsid w:val="00167188"/>
    <w:rPr>
      <w:color w:val="0000FF"/>
      <w:u w:val="single"/>
    </w:rPr>
  </w:style>
  <w:style w:type="paragraph" w:customStyle="1" w:styleId="akapit4">
    <w:name w:val="akapit4"/>
    <w:basedOn w:val="Normalny"/>
    <w:rsid w:val="00167188"/>
    <w:pPr>
      <w:spacing w:before="100" w:beforeAutospacing="1" w:after="100" w:afterAutospacing="1" w:line="240" w:lineRule="auto"/>
    </w:pPr>
    <w:rPr>
      <w:rFonts w:ascii="Times New Roman" w:eastAsia="Times New Roman" w:hAnsi="Times New Roman"/>
      <w:sz w:val="24"/>
      <w:szCs w:val="24"/>
      <w:lang w:eastAsia="pl-PL"/>
    </w:rPr>
  </w:style>
  <w:style w:type="paragraph" w:styleId="Akapitzlist">
    <w:name w:val="List Paragraph"/>
    <w:basedOn w:val="Normalny"/>
    <w:uiPriority w:val="34"/>
    <w:qFormat/>
    <w:rsid w:val="00167188"/>
    <w:pPr>
      <w:ind w:left="720"/>
      <w:contextualSpacing/>
    </w:pPr>
  </w:style>
  <w:style w:type="paragraph" w:styleId="Tekstdymka">
    <w:name w:val="Balloon Text"/>
    <w:basedOn w:val="Normalny"/>
    <w:link w:val="TekstdymkaZnak"/>
    <w:uiPriority w:val="99"/>
    <w:semiHidden/>
    <w:unhideWhenUsed/>
    <w:rsid w:val="0016718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167188"/>
    <w:rPr>
      <w:rFonts w:ascii="Tahoma" w:eastAsia="Calibri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1</Pages>
  <Words>201</Words>
  <Characters>1209</Characters>
  <Application>Microsoft Office Word</Application>
  <DocSecurity>0</DocSecurity>
  <Lines>10</Lines>
  <Paragraphs>2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40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drzej Kropiwnicki</dc:creator>
  <cp:lastModifiedBy>Andrzej Kropiwnicki</cp:lastModifiedBy>
  <cp:revision>3</cp:revision>
  <dcterms:created xsi:type="dcterms:W3CDTF">2014-10-24T11:43:00Z</dcterms:created>
  <dcterms:modified xsi:type="dcterms:W3CDTF">2014-11-06T09:56:00Z</dcterms:modified>
</cp:coreProperties>
</file>